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96" r:id="rId1"/>
    <p:sldMasterId id="2147483708" r:id="rId2"/>
  </p:sldMasterIdLst>
  <p:notesMasterIdLst>
    <p:notesMasterId r:id="rId22"/>
  </p:notesMasterIdLst>
  <p:handoutMasterIdLst>
    <p:handoutMasterId r:id="rId23"/>
  </p:handoutMasterIdLst>
  <p:sldIdLst>
    <p:sldId id="259" r:id="rId3"/>
    <p:sldId id="270" r:id="rId4"/>
    <p:sldId id="265" r:id="rId5"/>
    <p:sldId id="284" r:id="rId6"/>
    <p:sldId id="271" r:id="rId7"/>
    <p:sldId id="289" r:id="rId8"/>
    <p:sldId id="273" r:id="rId9"/>
    <p:sldId id="285" r:id="rId10"/>
    <p:sldId id="286" r:id="rId11"/>
    <p:sldId id="287" r:id="rId12"/>
    <p:sldId id="288" r:id="rId13"/>
    <p:sldId id="290" r:id="rId14"/>
    <p:sldId id="291" r:id="rId15"/>
    <p:sldId id="272" r:id="rId16"/>
    <p:sldId id="292" r:id="rId17"/>
    <p:sldId id="294" r:id="rId18"/>
    <p:sldId id="295" r:id="rId19"/>
    <p:sldId id="296" r:id="rId20"/>
    <p:sldId id="293" r:id="rId21"/>
  </p:sldIdLst>
  <p:sldSz cx="12192000" cy="6858000"/>
  <p:notesSz cx="7077075" cy="936307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949">
          <p15:clr>
            <a:srgbClr val="A4A3A4"/>
          </p15:clr>
        </p15:guide>
        <p15:guide id="2" pos="2229">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DA37D80-6434-44D0-A028-1B22A696006F}">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 styleId="{5DA37D80-6434-44D0-A028-1B22A696006F}" styleName="Light Style 3 - Accent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50" autoAdjust="0"/>
    <p:restoredTop sz="94660" autoAdjust="0"/>
  </p:normalViewPr>
  <p:slideViewPr>
    <p:cSldViewPr snapToGrid="0">
      <p:cViewPr varScale="1">
        <p:scale>
          <a:sx n="62" d="100"/>
          <a:sy n="62" d="100"/>
        </p:scale>
        <p:origin x="301" y="59"/>
      </p:cViewPr>
      <p:guideLst>
        <p:guide orient="horz" pos="2160"/>
        <p:guide pos="3840"/>
      </p:guideLst>
    </p:cSldViewPr>
  </p:slideViewPr>
  <p:notesTextViewPr>
    <p:cViewPr>
      <p:scale>
        <a:sx n="1" d="1"/>
        <a:sy n="1" d="1"/>
      </p:scale>
      <p:origin x="0" y="0"/>
    </p:cViewPr>
  </p:notesTextViewPr>
  <p:notesViewPr>
    <p:cSldViewPr snapToGrid="0">
      <p:cViewPr varScale="1">
        <p:scale>
          <a:sx n="36" d="100"/>
          <a:sy n="36" d="100"/>
        </p:scale>
        <p:origin x="1621" y="35"/>
      </p:cViewPr>
      <p:guideLst>
        <p:guide orient="horz" pos="2949"/>
        <p:guide pos="2229"/>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heme" Target="theme/theme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viewProps" Target="viewProps.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presProps" Target="pres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handoutMaster" Target="handoutMasters/handoutMaster1.xml"/><Relationship Id="rId28" Type="http://schemas.microsoft.com/office/2015/10/relationships/revisionInfo" Target="revisionInfo.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notesMaster" Target="notesMasters/notes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66733" cy="469780"/>
          </a:xfrm>
          <a:prstGeom prst="rect">
            <a:avLst/>
          </a:prstGeom>
        </p:spPr>
        <p:txBody>
          <a:bodyPr vert="horz" lIns="93936" tIns="46968" rIns="93936" bIns="46968" rtlCol="0"/>
          <a:lstStyle>
            <a:lvl1pPr algn="l">
              <a:defRPr sz="1200"/>
            </a:lvl1pPr>
          </a:lstStyle>
          <a:p>
            <a:endParaRPr lang="en-US"/>
          </a:p>
        </p:txBody>
      </p:sp>
      <p:sp>
        <p:nvSpPr>
          <p:cNvPr id="3" name="Date Placeholder 2"/>
          <p:cNvSpPr>
            <a:spLocks noGrp="1"/>
          </p:cNvSpPr>
          <p:nvPr>
            <p:ph type="dt" sz="quarter" idx="1"/>
          </p:nvPr>
        </p:nvSpPr>
        <p:spPr>
          <a:xfrm>
            <a:off x="4008705" y="0"/>
            <a:ext cx="3066733" cy="469780"/>
          </a:xfrm>
          <a:prstGeom prst="rect">
            <a:avLst/>
          </a:prstGeom>
        </p:spPr>
        <p:txBody>
          <a:bodyPr vert="horz" lIns="93936" tIns="46968" rIns="93936" bIns="46968" rtlCol="0"/>
          <a:lstStyle>
            <a:lvl1pPr algn="r">
              <a:defRPr sz="1200"/>
            </a:lvl1pPr>
          </a:lstStyle>
          <a:p>
            <a:fld id="{9F09733D-69F8-45CE-987F-1E3A67C77C5D}" type="datetimeFigureOut">
              <a:rPr lang="en-US" smtClean="0"/>
              <a:t>4/19/2018</a:t>
            </a:fld>
            <a:endParaRPr lang="en-US"/>
          </a:p>
        </p:txBody>
      </p:sp>
      <p:sp>
        <p:nvSpPr>
          <p:cNvPr id="4" name="Footer Placeholder 3"/>
          <p:cNvSpPr>
            <a:spLocks noGrp="1"/>
          </p:cNvSpPr>
          <p:nvPr>
            <p:ph type="ftr" sz="quarter" idx="2"/>
          </p:nvPr>
        </p:nvSpPr>
        <p:spPr>
          <a:xfrm>
            <a:off x="0" y="8893297"/>
            <a:ext cx="3066733" cy="469779"/>
          </a:xfrm>
          <a:prstGeom prst="rect">
            <a:avLst/>
          </a:prstGeom>
        </p:spPr>
        <p:txBody>
          <a:bodyPr vert="horz" lIns="93936" tIns="46968" rIns="93936" bIns="46968" rtlCol="0" anchor="b"/>
          <a:lstStyle>
            <a:lvl1pPr algn="l">
              <a:defRPr sz="1200"/>
            </a:lvl1pPr>
          </a:lstStyle>
          <a:p>
            <a:endParaRPr lang="en-US"/>
          </a:p>
        </p:txBody>
      </p:sp>
      <p:sp>
        <p:nvSpPr>
          <p:cNvPr id="5" name="Slide Number Placeholder 4"/>
          <p:cNvSpPr>
            <a:spLocks noGrp="1"/>
          </p:cNvSpPr>
          <p:nvPr>
            <p:ph type="sldNum" sz="quarter" idx="3"/>
          </p:nvPr>
        </p:nvSpPr>
        <p:spPr>
          <a:xfrm>
            <a:off x="4008705" y="8893297"/>
            <a:ext cx="3066733" cy="469779"/>
          </a:xfrm>
          <a:prstGeom prst="rect">
            <a:avLst/>
          </a:prstGeom>
        </p:spPr>
        <p:txBody>
          <a:bodyPr vert="horz" lIns="93936" tIns="46968" rIns="93936" bIns="46968" rtlCol="0" anchor="b"/>
          <a:lstStyle>
            <a:lvl1pPr algn="r">
              <a:defRPr sz="1200"/>
            </a:lvl1pPr>
          </a:lstStyle>
          <a:p>
            <a:fld id="{5173FB42-312D-429D-A89D-91E21C85F0BA}" type="slidenum">
              <a:rPr lang="en-US" smtClean="0"/>
              <a:t>‹#›</a:t>
            </a:fld>
            <a:endParaRPr lang="en-US"/>
          </a:p>
        </p:txBody>
      </p:sp>
    </p:spTree>
    <p:extLst>
      <p:ext uri="{BB962C8B-B14F-4D97-AF65-F5344CB8AC3E}">
        <p14:creationId xmlns:p14="http://schemas.microsoft.com/office/powerpoint/2010/main" val="5661549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66733" cy="469780"/>
          </a:xfrm>
          <a:prstGeom prst="rect">
            <a:avLst/>
          </a:prstGeom>
        </p:spPr>
        <p:txBody>
          <a:bodyPr vert="horz" lIns="93936" tIns="46968" rIns="93936" bIns="46968" rtlCol="0"/>
          <a:lstStyle>
            <a:lvl1pPr algn="l">
              <a:defRPr sz="1200"/>
            </a:lvl1pPr>
          </a:lstStyle>
          <a:p>
            <a:endParaRPr lang="en-US"/>
          </a:p>
        </p:txBody>
      </p:sp>
      <p:sp>
        <p:nvSpPr>
          <p:cNvPr id="3" name="Date Placeholder 2"/>
          <p:cNvSpPr>
            <a:spLocks noGrp="1"/>
          </p:cNvSpPr>
          <p:nvPr>
            <p:ph type="dt" idx="1"/>
          </p:nvPr>
        </p:nvSpPr>
        <p:spPr>
          <a:xfrm>
            <a:off x="4008705" y="0"/>
            <a:ext cx="3066733" cy="469780"/>
          </a:xfrm>
          <a:prstGeom prst="rect">
            <a:avLst/>
          </a:prstGeom>
        </p:spPr>
        <p:txBody>
          <a:bodyPr vert="horz" lIns="93936" tIns="46968" rIns="93936" bIns="46968" rtlCol="0"/>
          <a:lstStyle>
            <a:lvl1pPr algn="r">
              <a:defRPr sz="1200"/>
            </a:lvl1pPr>
          </a:lstStyle>
          <a:p>
            <a:fld id="{4BBDC3DB-9C0B-4EEA-BE0C-C823D6258BF2}" type="datetimeFigureOut">
              <a:rPr lang="en-US" smtClean="0"/>
              <a:t>4/19/2018</a:t>
            </a:fld>
            <a:endParaRPr lang="en-US"/>
          </a:p>
        </p:txBody>
      </p:sp>
      <p:sp>
        <p:nvSpPr>
          <p:cNvPr id="4" name="Slide Image Placeholder 3"/>
          <p:cNvSpPr>
            <a:spLocks noGrp="1" noRot="1" noChangeAspect="1"/>
          </p:cNvSpPr>
          <p:nvPr>
            <p:ph type="sldImg" idx="2"/>
          </p:nvPr>
        </p:nvSpPr>
        <p:spPr>
          <a:xfrm>
            <a:off x="728663" y="1169988"/>
            <a:ext cx="5619750" cy="3160712"/>
          </a:xfrm>
          <a:prstGeom prst="rect">
            <a:avLst/>
          </a:prstGeom>
          <a:noFill/>
          <a:ln w="12700">
            <a:solidFill>
              <a:prstClr val="black"/>
            </a:solidFill>
          </a:ln>
        </p:spPr>
        <p:txBody>
          <a:bodyPr vert="horz" lIns="93936" tIns="46968" rIns="93936" bIns="46968" rtlCol="0" anchor="ctr"/>
          <a:lstStyle/>
          <a:p>
            <a:endParaRPr lang="en-US"/>
          </a:p>
        </p:txBody>
      </p:sp>
      <p:sp>
        <p:nvSpPr>
          <p:cNvPr id="5" name="Notes Placeholder 4"/>
          <p:cNvSpPr>
            <a:spLocks noGrp="1"/>
          </p:cNvSpPr>
          <p:nvPr>
            <p:ph type="body" sz="quarter" idx="3"/>
          </p:nvPr>
        </p:nvSpPr>
        <p:spPr>
          <a:xfrm>
            <a:off x="707708" y="4505980"/>
            <a:ext cx="5661660" cy="3686711"/>
          </a:xfrm>
          <a:prstGeom prst="rect">
            <a:avLst/>
          </a:prstGeom>
        </p:spPr>
        <p:txBody>
          <a:bodyPr vert="horz" lIns="93936" tIns="46968" rIns="93936" bIns="46968"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93297"/>
            <a:ext cx="3066733" cy="469779"/>
          </a:xfrm>
          <a:prstGeom prst="rect">
            <a:avLst/>
          </a:prstGeom>
        </p:spPr>
        <p:txBody>
          <a:bodyPr vert="horz" lIns="93936" tIns="46968" rIns="93936" bIns="46968" rtlCol="0" anchor="b"/>
          <a:lstStyle>
            <a:lvl1pPr algn="l">
              <a:defRPr sz="1200"/>
            </a:lvl1pPr>
          </a:lstStyle>
          <a:p>
            <a:endParaRPr lang="en-US"/>
          </a:p>
        </p:txBody>
      </p:sp>
      <p:sp>
        <p:nvSpPr>
          <p:cNvPr id="7" name="Slide Number Placeholder 6"/>
          <p:cNvSpPr>
            <a:spLocks noGrp="1"/>
          </p:cNvSpPr>
          <p:nvPr>
            <p:ph type="sldNum" sz="quarter" idx="5"/>
          </p:nvPr>
        </p:nvSpPr>
        <p:spPr>
          <a:xfrm>
            <a:off x="4008705" y="8893297"/>
            <a:ext cx="3066733" cy="469779"/>
          </a:xfrm>
          <a:prstGeom prst="rect">
            <a:avLst/>
          </a:prstGeom>
        </p:spPr>
        <p:txBody>
          <a:bodyPr vert="horz" lIns="93936" tIns="46968" rIns="93936" bIns="46968" rtlCol="0" anchor="b"/>
          <a:lstStyle>
            <a:lvl1pPr algn="r">
              <a:defRPr sz="1200"/>
            </a:lvl1pPr>
          </a:lstStyle>
          <a:p>
            <a:fld id="{37809D77-6270-417D-B912-9E40620F0D03}" type="slidenum">
              <a:rPr lang="en-US" smtClean="0"/>
              <a:t>‹#›</a:t>
            </a:fld>
            <a:endParaRPr lang="en-US"/>
          </a:p>
        </p:txBody>
      </p:sp>
    </p:spTree>
    <p:extLst>
      <p:ext uri="{BB962C8B-B14F-4D97-AF65-F5344CB8AC3E}">
        <p14:creationId xmlns:p14="http://schemas.microsoft.com/office/powerpoint/2010/main" val="4085234252"/>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a:t>
            </a:fld>
            <a:endParaRPr lang="en-US"/>
          </a:p>
        </p:txBody>
      </p:sp>
    </p:spTree>
    <p:extLst>
      <p:ext uri="{BB962C8B-B14F-4D97-AF65-F5344CB8AC3E}">
        <p14:creationId xmlns:p14="http://schemas.microsoft.com/office/powerpoint/2010/main" val="352589007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2</a:t>
            </a:fld>
            <a:endParaRPr lang="en-US"/>
          </a:p>
        </p:txBody>
      </p:sp>
    </p:spTree>
    <p:extLst>
      <p:ext uri="{BB962C8B-B14F-4D97-AF65-F5344CB8AC3E}">
        <p14:creationId xmlns:p14="http://schemas.microsoft.com/office/powerpoint/2010/main" val="23105070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3</a:t>
            </a:fld>
            <a:endParaRPr lang="en-US"/>
          </a:p>
        </p:txBody>
      </p:sp>
    </p:spTree>
    <p:extLst>
      <p:ext uri="{BB962C8B-B14F-4D97-AF65-F5344CB8AC3E}">
        <p14:creationId xmlns:p14="http://schemas.microsoft.com/office/powerpoint/2010/main" val="171560042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4</a:t>
            </a:fld>
            <a:endParaRPr lang="en-US"/>
          </a:p>
        </p:txBody>
      </p:sp>
    </p:spTree>
    <p:extLst>
      <p:ext uri="{BB962C8B-B14F-4D97-AF65-F5344CB8AC3E}">
        <p14:creationId xmlns:p14="http://schemas.microsoft.com/office/powerpoint/2010/main" val="26159444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5</a:t>
            </a:fld>
            <a:endParaRPr lang="en-US"/>
          </a:p>
        </p:txBody>
      </p:sp>
    </p:spTree>
    <p:extLst>
      <p:ext uri="{BB962C8B-B14F-4D97-AF65-F5344CB8AC3E}">
        <p14:creationId xmlns:p14="http://schemas.microsoft.com/office/powerpoint/2010/main" val="3621201818"/>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6</a:t>
            </a:fld>
            <a:endParaRPr lang="en-US"/>
          </a:p>
        </p:txBody>
      </p:sp>
    </p:spTree>
    <p:extLst>
      <p:ext uri="{BB962C8B-B14F-4D97-AF65-F5344CB8AC3E}">
        <p14:creationId xmlns:p14="http://schemas.microsoft.com/office/powerpoint/2010/main" val="386086265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7</a:t>
            </a:fld>
            <a:endParaRPr lang="en-US"/>
          </a:p>
        </p:txBody>
      </p:sp>
    </p:spTree>
    <p:extLst>
      <p:ext uri="{BB962C8B-B14F-4D97-AF65-F5344CB8AC3E}">
        <p14:creationId xmlns:p14="http://schemas.microsoft.com/office/powerpoint/2010/main" val="141240120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8</a:t>
            </a:fld>
            <a:endParaRPr lang="en-US"/>
          </a:p>
        </p:txBody>
      </p:sp>
    </p:spTree>
    <p:extLst>
      <p:ext uri="{BB962C8B-B14F-4D97-AF65-F5344CB8AC3E}">
        <p14:creationId xmlns:p14="http://schemas.microsoft.com/office/powerpoint/2010/main" val="175126364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9</a:t>
            </a:fld>
            <a:endParaRPr lang="en-US"/>
          </a:p>
        </p:txBody>
      </p:sp>
    </p:spTree>
    <p:extLst>
      <p:ext uri="{BB962C8B-B14F-4D97-AF65-F5344CB8AC3E}">
        <p14:creationId xmlns:p14="http://schemas.microsoft.com/office/powerpoint/2010/main" val="427764773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17550" y="341313"/>
            <a:ext cx="5619750" cy="3160712"/>
          </a:xfrm>
        </p:spPr>
      </p:sp>
      <p:sp>
        <p:nvSpPr>
          <p:cNvPr id="3" name="Notes Placeholder 2"/>
          <p:cNvSpPr>
            <a:spLocks noGrp="1"/>
          </p:cNvSpPr>
          <p:nvPr>
            <p:ph type="body" idx="1"/>
          </p:nvPr>
        </p:nvSpPr>
        <p:spPr>
          <a:xfrm>
            <a:off x="707708" y="3689874"/>
            <a:ext cx="5661660" cy="4927002"/>
          </a:xfrm>
        </p:spPr>
        <p:txBody>
          <a:bodyPr/>
          <a:lstStyle/>
          <a:p>
            <a:r>
              <a:rPr lang="en-US" dirty="0" smtClean="0"/>
              <a:t>In plant agriculture, a pesticide is </a:t>
            </a:r>
            <a:r>
              <a:rPr lang="en-US" dirty="0"/>
              <a:t>a substance used for destroying insects or other organisms harmful to cultivated </a:t>
            </a:r>
            <a:r>
              <a:rPr lang="en-US" dirty="0" smtClean="0"/>
              <a:t>plants. By this definition any substance, even water, could be a pesticide. Some substances that can be used as pesticides are illegal. Some substances are illegal to use as pesticides. And some pesticides are only legal to use on certain types of plants. Cannabis pesticide regulation is a fairly novel territory, since cannabis is one of the few agricultural products commonly used for inhaling. Some pesticides that are legal to use on edible food crops are not legal to use on Cannabis. One example is </a:t>
            </a:r>
            <a:r>
              <a:rPr lang="en-US" dirty="0" err="1" smtClean="0"/>
              <a:t>myclobutanil</a:t>
            </a:r>
            <a:r>
              <a:rPr lang="en-US" dirty="0" smtClean="0"/>
              <a:t>, commonly marketed as “Eagle 20”. </a:t>
            </a:r>
            <a:r>
              <a:rPr lang="en-US" dirty="0" err="1" smtClean="0"/>
              <a:t>Myclobutanil</a:t>
            </a:r>
            <a:r>
              <a:rPr lang="en-US" dirty="0" smtClean="0"/>
              <a:t> is also not approved for use on tobacco. Combustion of </a:t>
            </a:r>
            <a:r>
              <a:rPr lang="en-US" dirty="0" err="1" smtClean="0"/>
              <a:t>Myclobutanil</a:t>
            </a:r>
            <a:r>
              <a:rPr lang="en-US" dirty="0" smtClean="0"/>
              <a:t> creates highly toxic hydrogen cyanide gas.</a:t>
            </a:r>
          </a:p>
          <a:p>
            <a:endParaRPr lang="en-US" dirty="0"/>
          </a:p>
          <a:p>
            <a:r>
              <a:rPr lang="en-US" dirty="0" smtClean="0"/>
              <a:t>Used properly, pesticides can increase crop yield and crop quality. Modern agriculture does not seek to eliminate all pests, instead through a paradigm known as Integrated Pest Management (IPM) pests are kept at a low enough level that they do not cause economic injury to the crop.  IPM requires careful </a:t>
            </a:r>
            <a:r>
              <a:rPr lang="en-US" dirty="0"/>
              <a:t>consideration of all available pest control </a:t>
            </a:r>
            <a:r>
              <a:rPr lang="en-US" dirty="0" smtClean="0"/>
              <a:t>techniques, then </a:t>
            </a:r>
            <a:r>
              <a:rPr lang="en-US" dirty="0"/>
              <a:t>subsequent integration of appropriate measures that discourage the development of pest populations and keep pesticides and other interventions to levels that are economically justified and reduce or minimize risks to human health and the </a:t>
            </a:r>
            <a:r>
              <a:rPr lang="en-US" dirty="0" smtClean="0"/>
              <a:t>environment. IPM includes non-pesticide controls, such as companion planting and predatory bugs. It’s worth noting that the healthiest plants are the least susceptible to pest pressure. A responsible cannabis farmer minimizes the need for pesticides by keeping plants healthy and instituting a wide range of non-</a:t>
            </a:r>
            <a:r>
              <a:rPr lang="en-US" dirty="0" err="1" smtClean="0"/>
              <a:t>pesticidal</a:t>
            </a:r>
            <a:r>
              <a:rPr lang="en-US" dirty="0" smtClean="0"/>
              <a:t> controls.</a:t>
            </a:r>
            <a:endParaRPr lang="en-US" dirty="0"/>
          </a:p>
        </p:txBody>
      </p:sp>
      <p:sp>
        <p:nvSpPr>
          <p:cNvPr id="4" name="Slide Number Placeholder 3"/>
          <p:cNvSpPr>
            <a:spLocks noGrp="1"/>
          </p:cNvSpPr>
          <p:nvPr>
            <p:ph type="sldNum" sz="quarter" idx="10"/>
          </p:nvPr>
        </p:nvSpPr>
        <p:spPr/>
        <p:txBody>
          <a:bodyPr/>
          <a:lstStyle/>
          <a:p>
            <a:fld id="{37809D77-6270-417D-B912-9E40620F0D03}" type="slidenum">
              <a:rPr lang="en-US" smtClean="0"/>
              <a:t>2</a:t>
            </a:fld>
            <a:endParaRPr lang="en-US"/>
          </a:p>
        </p:txBody>
      </p:sp>
    </p:spTree>
    <p:extLst>
      <p:ext uri="{BB962C8B-B14F-4D97-AF65-F5344CB8AC3E}">
        <p14:creationId xmlns:p14="http://schemas.microsoft.com/office/powerpoint/2010/main" val="9008409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739775" y="557213"/>
            <a:ext cx="5619750" cy="3160712"/>
          </a:xfrm>
        </p:spPr>
      </p:sp>
      <p:sp>
        <p:nvSpPr>
          <p:cNvPr id="3" name="Notes Placeholder 2"/>
          <p:cNvSpPr>
            <a:spLocks noGrp="1"/>
          </p:cNvSpPr>
          <p:nvPr>
            <p:ph type="body" idx="1"/>
          </p:nvPr>
        </p:nvSpPr>
        <p:spPr>
          <a:xfrm>
            <a:off x="707708" y="3958814"/>
            <a:ext cx="5661660" cy="5023821"/>
          </a:xfrm>
        </p:spPr>
        <p:txBody>
          <a:bodyPr/>
          <a:lstStyle/>
          <a:p>
            <a:r>
              <a:rPr lang="en-US" dirty="0" smtClean="0"/>
              <a:t>In a traditional open-field setting, Cannabis is a fast-growing annual crop, planted in the spring and harvested in the fall. In the greenhouse or an indoor facility full control over the elements can and the light cycle can be obtained. In these settings Cannabis plants can be grown in cycles of anywhere from 2-4 months. This allows for the potential of 3 or more harvests per year. </a:t>
            </a:r>
            <a:endParaRPr lang="en-US" dirty="0"/>
          </a:p>
          <a:p>
            <a:endParaRPr lang="en-US" dirty="0"/>
          </a:p>
          <a:p>
            <a:r>
              <a:rPr lang="en-US" dirty="0" smtClean="0"/>
              <a:t>Cannabis is a tolerant plant that can grow well under a wide range of conditions, but producing the best cannabis, like producing the best produce, takes an optimal environment and an abundance of care. The primary active constituents of adult-use and medicinal cannabis (cannabinoids and terpenes) are referred to as “secondary metabolites”, meaning they are produced by a plant but not necessary for it’s survival. Similar to Laszlo’s hierarchy of needs, a cannabis plant must first have it’s base needs met before it will expend it’s energy to produce it’s active compounds. This means the plant must have the right combination of air, water, and soil characteristics to produce the highest quality version of itself.</a:t>
            </a:r>
          </a:p>
          <a:p>
            <a:endParaRPr lang="en-US" dirty="0" smtClean="0"/>
          </a:p>
          <a:p>
            <a:r>
              <a:rPr lang="en-US" dirty="0" smtClean="0"/>
              <a:t>Like any logistical endeavor, a major component of farm operation is planning. Ensuring little to no downtime requires that crops be planned according to specific cultivar (ex: short flower </a:t>
            </a:r>
            <a:r>
              <a:rPr lang="en-US" dirty="0" err="1" smtClean="0"/>
              <a:t>indica</a:t>
            </a:r>
            <a:r>
              <a:rPr lang="en-US" dirty="0" smtClean="0"/>
              <a:t>, tolerates cold and only gets 3 feet tall vs long flower sativa tolerating heat and growing 20 feet, ) , available light, work capacity, market conditions, and other factors. </a:t>
            </a:r>
            <a:endParaRPr lang="en-US" dirty="0"/>
          </a:p>
          <a:p>
            <a:endParaRPr lang="en-US" dirty="0" smtClean="0"/>
          </a:p>
          <a:p>
            <a:r>
              <a:rPr lang="en-US" dirty="0" smtClean="0"/>
              <a:t>Currently, agricultural Cannabis production  starts with a clone, an exact genetic copy of a female “mother” plant of the desired cultivar. A clone is cut and rooted in a moist environment before being “hardened off” by exposing it to an increasingly high level of light and lowered humidity.</a:t>
            </a:r>
            <a:endParaRPr lang="en-US" dirty="0"/>
          </a:p>
        </p:txBody>
      </p:sp>
      <p:sp>
        <p:nvSpPr>
          <p:cNvPr id="4" name="Slide Number Placeholder 3"/>
          <p:cNvSpPr>
            <a:spLocks noGrp="1"/>
          </p:cNvSpPr>
          <p:nvPr>
            <p:ph type="sldNum" sz="quarter" idx="10"/>
          </p:nvPr>
        </p:nvSpPr>
        <p:spPr/>
        <p:txBody>
          <a:bodyPr/>
          <a:lstStyle/>
          <a:p>
            <a:fld id="{37809D77-6270-417D-B912-9E40620F0D03}" type="slidenum">
              <a:rPr lang="en-US" smtClean="0"/>
              <a:t>3</a:t>
            </a:fld>
            <a:endParaRPr lang="en-US"/>
          </a:p>
        </p:txBody>
      </p:sp>
    </p:spTree>
    <p:extLst>
      <p:ext uri="{BB962C8B-B14F-4D97-AF65-F5344CB8AC3E}">
        <p14:creationId xmlns:p14="http://schemas.microsoft.com/office/powerpoint/2010/main" val="36177850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5</a:t>
            </a:fld>
            <a:endParaRPr lang="en-US"/>
          </a:p>
        </p:txBody>
      </p:sp>
    </p:spTree>
    <p:extLst>
      <p:ext uri="{BB962C8B-B14F-4D97-AF65-F5344CB8AC3E}">
        <p14:creationId xmlns:p14="http://schemas.microsoft.com/office/powerpoint/2010/main" val="22971293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6</a:t>
            </a:fld>
            <a:endParaRPr lang="en-US"/>
          </a:p>
        </p:txBody>
      </p:sp>
    </p:spTree>
    <p:extLst>
      <p:ext uri="{BB962C8B-B14F-4D97-AF65-F5344CB8AC3E}">
        <p14:creationId xmlns:p14="http://schemas.microsoft.com/office/powerpoint/2010/main" val="331904669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7</a:t>
            </a:fld>
            <a:endParaRPr lang="en-US"/>
          </a:p>
        </p:txBody>
      </p:sp>
    </p:spTree>
    <p:extLst>
      <p:ext uri="{BB962C8B-B14F-4D97-AF65-F5344CB8AC3E}">
        <p14:creationId xmlns:p14="http://schemas.microsoft.com/office/powerpoint/2010/main" val="227696087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9</a:t>
            </a:fld>
            <a:endParaRPr lang="en-US"/>
          </a:p>
        </p:txBody>
      </p:sp>
    </p:spTree>
    <p:extLst>
      <p:ext uri="{BB962C8B-B14F-4D97-AF65-F5344CB8AC3E}">
        <p14:creationId xmlns:p14="http://schemas.microsoft.com/office/powerpoint/2010/main" val="41446168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0</a:t>
            </a:fld>
            <a:endParaRPr lang="en-US"/>
          </a:p>
        </p:txBody>
      </p:sp>
    </p:spTree>
    <p:extLst>
      <p:ext uri="{BB962C8B-B14F-4D97-AF65-F5344CB8AC3E}">
        <p14:creationId xmlns:p14="http://schemas.microsoft.com/office/powerpoint/2010/main" val="384113669"/>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37809D77-6270-417D-B912-9E40620F0D03}" type="slidenum">
              <a:rPr lang="en-US" smtClean="0"/>
              <a:t>11</a:t>
            </a:fld>
            <a:endParaRPr lang="en-US"/>
          </a:p>
        </p:txBody>
      </p:sp>
    </p:spTree>
    <p:extLst>
      <p:ext uri="{BB962C8B-B14F-4D97-AF65-F5344CB8AC3E}">
        <p14:creationId xmlns:p14="http://schemas.microsoft.com/office/powerpoint/2010/main" val="634775358"/>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0"/>
            <a:ext cx="10363200" cy="4267200"/>
          </a:xfrm>
        </p:spPr>
        <p:txBody>
          <a:bodyPr anchor="b">
            <a:noAutofit/>
          </a:bodyPr>
          <a:lstStyle>
            <a:lvl1pPr>
              <a:lnSpc>
                <a:spcPct val="100000"/>
              </a:lnSpc>
              <a:defRPr sz="6600">
                <a:solidFill>
                  <a:schemeClr val="accent1">
                    <a:lumMod val="50000"/>
                  </a:schemeClr>
                </a:solidFill>
              </a:defRPr>
            </a:lvl1pPr>
          </a:lstStyle>
          <a:p>
            <a:r>
              <a:rPr lang="en-US" smtClean="0"/>
              <a:t>Click to edit Master title style</a:t>
            </a:r>
            <a:endParaRPr lang="en-US" dirty="0"/>
          </a:p>
        </p:txBody>
      </p:sp>
      <p:sp>
        <p:nvSpPr>
          <p:cNvPr id="3" name="Subtitle 2"/>
          <p:cNvSpPr>
            <a:spLocks noGrp="1"/>
          </p:cNvSpPr>
          <p:nvPr>
            <p:ph type="subTitle" idx="1"/>
          </p:nvPr>
        </p:nvSpPr>
        <p:spPr>
          <a:xfrm>
            <a:off x="1828800" y="4343399"/>
            <a:ext cx="8534400" cy="1219200"/>
          </a:xfrm>
        </p:spPr>
        <p:txBody>
          <a:bodyPr>
            <a:normAutofit/>
          </a:bodyPr>
          <a:lstStyle>
            <a:lvl1pPr marL="0" indent="0" algn="ctr">
              <a:buNone/>
              <a:defRPr sz="2400">
                <a:solidFill>
                  <a:schemeClr val="tx2"/>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US" dirty="0"/>
          </a:p>
        </p:txBody>
      </p:sp>
      <p:sp>
        <p:nvSpPr>
          <p:cNvPr id="9" name="Footer Placeholder 8"/>
          <p:cNvSpPr>
            <a:spLocks noGrp="1"/>
          </p:cNvSpPr>
          <p:nvPr>
            <p:ph type="ftr" sz="quarter" idx="12"/>
          </p:nvPr>
        </p:nvSpPr>
        <p:spPr/>
        <p:txBody>
          <a:bodyPr/>
          <a:lstStyle>
            <a:lvl1pPr>
              <a:defRPr>
                <a:solidFill>
                  <a:schemeClr val="tx2"/>
                </a:solidFill>
              </a:defRPr>
            </a:lvl1pPr>
          </a:lstStyle>
          <a:p>
            <a:r>
              <a:rPr lang="en-US" dirty="0"/>
              <a:t>Add a footer</a:t>
            </a:r>
          </a:p>
        </p:txBody>
      </p:sp>
      <p:sp>
        <p:nvSpPr>
          <p:cNvPr id="7" name="Date Placeholder 6"/>
          <p:cNvSpPr>
            <a:spLocks noGrp="1"/>
          </p:cNvSpPr>
          <p:nvPr>
            <p:ph type="dt" sz="half" idx="10"/>
          </p:nvPr>
        </p:nvSpPr>
        <p:spPr/>
        <p:txBody>
          <a:bodyPr/>
          <a:lstStyle>
            <a:lvl1pPr>
              <a:defRPr>
                <a:solidFill>
                  <a:schemeClr val="tx2"/>
                </a:solidFill>
              </a:defRPr>
            </a:lvl1pPr>
          </a:lstStyle>
          <a:p>
            <a:fld id="{349BF3EA-1A78-4F07-BDC0-C8A1BD461199}" type="datetimeFigureOut">
              <a:rPr lang="en-US" smtClean="0"/>
              <a:pPr/>
              <a:t>4/19/2018</a:t>
            </a:fld>
            <a:endParaRPr lang="en-US"/>
          </a:p>
        </p:txBody>
      </p:sp>
      <p:sp>
        <p:nvSpPr>
          <p:cNvPr id="8" name="Slide Number Placeholder 7"/>
          <p:cNvSpPr>
            <a:spLocks noGrp="1"/>
          </p:cNvSpPr>
          <p:nvPr>
            <p:ph type="sldNum" sz="quarter" idx="11"/>
          </p:nvPr>
        </p:nvSpPr>
        <p:spPr/>
        <p:txBody>
          <a:bodyPr/>
          <a:lstStyle>
            <a:lvl1pPr>
              <a:defRPr>
                <a:solidFill>
                  <a:schemeClr val="tx2"/>
                </a:solidFill>
              </a:defRPr>
            </a:lvl1pPr>
          </a:lstStyle>
          <a:p>
            <a:fld id="{401CF334-2D5C-4859-84A6-CA7E6E43FAEB}" type="slidenum">
              <a:rPr lang="en-US" smtClean="0"/>
              <a:pPr/>
              <a:t>‹#›</a:t>
            </a:fld>
            <a:endParaRPr lang="en-US"/>
          </a:p>
        </p:txBody>
      </p:sp>
    </p:spTree>
    <p:extLst>
      <p:ext uri="{BB962C8B-B14F-4D97-AF65-F5344CB8AC3E}">
        <p14:creationId xmlns:p14="http://schemas.microsoft.com/office/powerpoint/2010/main" val="285672235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Footer Placeholder 4"/>
          <p:cNvSpPr>
            <a:spLocks noGrp="1"/>
          </p:cNvSpPr>
          <p:nvPr>
            <p:ph type="ftr" sz="quarter" idx="11"/>
          </p:nvPr>
        </p:nvSpPr>
        <p:spPr/>
        <p:txBody>
          <a:bodyPr/>
          <a:lstStyle>
            <a:lvl1pPr>
              <a:defRPr>
                <a:solidFill>
                  <a:schemeClr val="tx2"/>
                </a:solidFill>
              </a:defRPr>
            </a:lvl1pPr>
          </a:lstStyle>
          <a:p>
            <a:r>
              <a:rPr lang="en-US" dirty="0"/>
              <a:t>Add a footer</a:t>
            </a:r>
          </a:p>
        </p:txBody>
      </p:sp>
      <p:sp>
        <p:nvSpPr>
          <p:cNvPr id="4" name="Date Placeholder 3"/>
          <p:cNvSpPr>
            <a:spLocks noGrp="1"/>
          </p:cNvSpPr>
          <p:nvPr>
            <p:ph type="dt" sz="half" idx="10"/>
          </p:nvPr>
        </p:nvSpPr>
        <p:spPr/>
        <p:txBody>
          <a:bodyPr/>
          <a:lstStyle>
            <a:lvl1pPr>
              <a:defRPr>
                <a:solidFill>
                  <a:schemeClr val="tx2"/>
                </a:solidFill>
              </a:defRPr>
            </a:lvl1pPr>
          </a:lstStyle>
          <a:p>
            <a:fld id="{349BF3EA-1A78-4F07-BDC0-C8A1BD461199}" type="datetimeFigureOut">
              <a:rPr lang="en-US" smtClean="0"/>
              <a:pPr/>
              <a:t>4/19/2018</a:t>
            </a:fld>
            <a:endParaRPr lang="en-US"/>
          </a:p>
        </p:txBody>
      </p:sp>
      <p:sp>
        <p:nvSpPr>
          <p:cNvPr id="6" name="Slide Number Placeholder 5"/>
          <p:cNvSpPr>
            <a:spLocks noGrp="1"/>
          </p:cNvSpPr>
          <p:nvPr>
            <p:ph type="sldNum" sz="quarter" idx="12"/>
          </p:nvPr>
        </p:nvSpPr>
        <p:spPr/>
        <p:txBody>
          <a:bodyPr/>
          <a:lstStyle>
            <a:lvl1pPr>
              <a:defRPr>
                <a:solidFill>
                  <a:schemeClr val="tx2"/>
                </a:solidFill>
              </a:defRPr>
            </a:lvl1pPr>
          </a:lstStyle>
          <a:p>
            <a:fld id="{401CF334-2D5C-4859-84A6-CA7E6E43FAEB}" type="slidenum">
              <a:rPr lang="en-US" smtClean="0"/>
              <a:pPr/>
              <a:t>‹#›</a:t>
            </a:fld>
            <a:endParaRPr lang="en-US"/>
          </a:p>
        </p:txBody>
      </p:sp>
    </p:spTree>
    <p:extLst>
      <p:ext uri="{BB962C8B-B14F-4D97-AF65-F5344CB8AC3E}">
        <p14:creationId xmlns:p14="http://schemas.microsoft.com/office/powerpoint/2010/main" val="328822303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839200" y="274639"/>
            <a:ext cx="2743200" cy="4983161"/>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609600" y="274639"/>
            <a:ext cx="8026400" cy="4983161"/>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Footer Placeholder 4"/>
          <p:cNvSpPr>
            <a:spLocks noGrp="1"/>
          </p:cNvSpPr>
          <p:nvPr>
            <p:ph type="ftr" sz="quarter" idx="11"/>
          </p:nvPr>
        </p:nvSpPr>
        <p:spPr/>
        <p:txBody>
          <a:bodyPr/>
          <a:lstStyle>
            <a:lvl1pPr>
              <a:defRPr>
                <a:solidFill>
                  <a:schemeClr val="tx2"/>
                </a:solidFill>
              </a:defRPr>
            </a:lvl1pPr>
          </a:lstStyle>
          <a:p>
            <a:r>
              <a:rPr lang="en-US" dirty="0"/>
              <a:t>Add a footer</a:t>
            </a:r>
          </a:p>
        </p:txBody>
      </p:sp>
      <p:sp>
        <p:nvSpPr>
          <p:cNvPr id="4" name="Date Placeholder 3"/>
          <p:cNvSpPr>
            <a:spLocks noGrp="1"/>
          </p:cNvSpPr>
          <p:nvPr>
            <p:ph type="dt" sz="half" idx="10"/>
          </p:nvPr>
        </p:nvSpPr>
        <p:spPr/>
        <p:txBody>
          <a:bodyPr/>
          <a:lstStyle>
            <a:lvl1pPr>
              <a:defRPr>
                <a:solidFill>
                  <a:schemeClr val="tx2"/>
                </a:solidFill>
              </a:defRPr>
            </a:lvl1pPr>
          </a:lstStyle>
          <a:p>
            <a:fld id="{349BF3EA-1A78-4F07-BDC0-C8A1BD461199}" type="datetimeFigureOut">
              <a:rPr lang="en-US" smtClean="0"/>
              <a:pPr/>
              <a:t>4/19/2018</a:t>
            </a:fld>
            <a:endParaRPr lang="en-US"/>
          </a:p>
        </p:txBody>
      </p:sp>
      <p:sp>
        <p:nvSpPr>
          <p:cNvPr id="6" name="Slide Number Placeholder 5"/>
          <p:cNvSpPr>
            <a:spLocks noGrp="1"/>
          </p:cNvSpPr>
          <p:nvPr>
            <p:ph type="sldNum" sz="quarter" idx="12"/>
          </p:nvPr>
        </p:nvSpPr>
        <p:spPr/>
        <p:txBody>
          <a:bodyPr/>
          <a:lstStyle>
            <a:lvl1pPr>
              <a:defRPr>
                <a:solidFill>
                  <a:schemeClr val="tx2"/>
                </a:solidFill>
              </a:defRPr>
            </a:lvl1pPr>
          </a:lstStyle>
          <a:p>
            <a:fld id="{401CF334-2D5C-4859-84A6-CA7E6E43FAEB}" type="slidenum">
              <a:rPr lang="en-US" smtClean="0"/>
              <a:pPr/>
              <a:t>‹#›</a:t>
            </a:fld>
            <a:endParaRPr lang="en-US"/>
          </a:p>
        </p:txBody>
      </p:sp>
    </p:spTree>
    <p:extLst>
      <p:ext uri="{BB962C8B-B14F-4D97-AF65-F5344CB8AC3E}">
        <p14:creationId xmlns:p14="http://schemas.microsoft.com/office/powerpoint/2010/main" val="421880763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11"/>
          </p:nvPr>
        </p:nvSpPr>
        <p:spPr/>
        <p:txBody>
          <a:bodyPr/>
          <a:lstStyle/>
          <a:p>
            <a:endParaRPr lang="en-US">
              <a:solidFill>
                <a:srgbClr val="000000">
                  <a:tint val="75000"/>
                </a:srgb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404428026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11"/>
          </p:nvPr>
        </p:nvSpPr>
        <p:spPr/>
        <p:txBody>
          <a:bodyPr/>
          <a:lstStyle/>
          <a:p>
            <a:endParaRPr lang="en-US">
              <a:solidFill>
                <a:srgbClr val="000000">
                  <a:tint val="75000"/>
                </a:srgb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4235524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11"/>
          </p:nvPr>
        </p:nvSpPr>
        <p:spPr/>
        <p:txBody>
          <a:bodyPr/>
          <a:lstStyle/>
          <a:p>
            <a:endParaRPr lang="en-US">
              <a:solidFill>
                <a:srgbClr val="000000">
                  <a:tint val="75000"/>
                </a:srgb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387622756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6" name="Footer Placeholder 5"/>
          <p:cNvSpPr>
            <a:spLocks noGrp="1"/>
          </p:cNvSpPr>
          <p:nvPr>
            <p:ph type="ftr" sz="quarter" idx="11"/>
          </p:nvPr>
        </p:nvSpPr>
        <p:spPr/>
        <p:txBody>
          <a:bodyPr/>
          <a:lstStyle/>
          <a:p>
            <a:endParaRPr lang="en-US">
              <a:solidFill>
                <a:srgbClr val="000000">
                  <a:tint val="75000"/>
                </a:srgb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79037621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8" name="Footer Placeholder 7"/>
          <p:cNvSpPr>
            <a:spLocks noGrp="1"/>
          </p:cNvSpPr>
          <p:nvPr>
            <p:ph type="ftr" sz="quarter" idx="11"/>
          </p:nvPr>
        </p:nvSpPr>
        <p:spPr/>
        <p:txBody>
          <a:bodyPr/>
          <a:lstStyle/>
          <a:p>
            <a:endParaRPr lang="en-US">
              <a:solidFill>
                <a:srgbClr val="000000">
                  <a:tint val="75000"/>
                </a:srgbClr>
              </a:solidFill>
            </a:endParaRPr>
          </a:p>
        </p:txBody>
      </p:sp>
      <p:sp>
        <p:nvSpPr>
          <p:cNvPr id="9" name="Slide Number Placeholder 8"/>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258277793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4" name="Footer Placeholder 3"/>
          <p:cNvSpPr>
            <a:spLocks noGrp="1"/>
          </p:cNvSpPr>
          <p:nvPr>
            <p:ph type="ftr" sz="quarter" idx="11"/>
          </p:nvPr>
        </p:nvSpPr>
        <p:spPr/>
        <p:txBody>
          <a:bodyPr/>
          <a:lstStyle/>
          <a:p>
            <a:endParaRPr lang="en-US">
              <a:solidFill>
                <a:srgbClr val="000000">
                  <a:tint val="75000"/>
                </a:srgbClr>
              </a:solidFill>
            </a:endParaRPr>
          </a:p>
        </p:txBody>
      </p:sp>
      <p:sp>
        <p:nvSpPr>
          <p:cNvPr id="5" name="Slide Number Placeholder 4"/>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205101121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3" name="Footer Placeholder 2"/>
          <p:cNvSpPr>
            <a:spLocks noGrp="1"/>
          </p:cNvSpPr>
          <p:nvPr>
            <p:ph type="ftr" sz="quarter" idx="11"/>
          </p:nvPr>
        </p:nvSpPr>
        <p:spPr/>
        <p:txBody>
          <a:bodyPr/>
          <a:lstStyle/>
          <a:p>
            <a:endParaRPr lang="en-US">
              <a:solidFill>
                <a:srgbClr val="000000">
                  <a:tint val="75000"/>
                </a:srgbClr>
              </a:solidFill>
            </a:endParaRPr>
          </a:p>
        </p:txBody>
      </p:sp>
      <p:sp>
        <p:nvSpPr>
          <p:cNvPr id="4" name="Slide Number Placeholder 3"/>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156631681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6" name="Footer Placeholder 5"/>
          <p:cNvSpPr>
            <a:spLocks noGrp="1"/>
          </p:cNvSpPr>
          <p:nvPr>
            <p:ph type="ftr" sz="quarter" idx="11"/>
          </p:nvPr>
        </p:nvSpPr>
        <p:spPr/>
        <p:txBody>
          <a:bodyPr/>
          <a:lstStyle/>
          <a:p>
            <a:endParaRPr lang="en-US">
              <a:solidFill>
                <a:srgbClr val="000000">
                  <a:tint val="75000"/>
                </a:srgb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122766316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lvl5pPr>
              <a:defRPr/>
            </a:lvl5pPr>
            <a:lvl6pPr>
              <a:defRPr/>
            </a:lvl6pPr>
            <a:lvl7pPr>
              <a:defRPr/>
            </a:lvl7pPr>
            <a:lvl8pPr>
              <a:defRPr/>
            </a:lvl8pPr>
            <a:lvl9pPr>
              <a:buFont typeface="Arial" pitchFamily="34" charset="0"/>
              <a:buChar char="•"/>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Footer Placeholder 4"/>
          <p:cNvSpPr>
            <a:spLocks noGrp="1"/>
          </p:cNvSpPr>
          <p:nvPr>
            <p:ph type="ftr" sz="quarter" idx="11"/>
          </p:nvPr>
        </p:nvSpPr>
        <p:spPr/>
        <p:txBody>
          <a:bodyPr/>
          <a:lstStyle/>
          <a:p>
            <a:r>
              <a:rPr lang="en-US" dirty="0"/>
              <a:t>Add a footer</a:t>
            </a:r>
          </a:p>
        </p:txBody>
      </p:sp>
      <p:sp>
        <p:nvSpPr>
          <p:cNvPr id="4" name="Date Placeholder 3"/>
          <p:cNvSpPr>
            <a:spLocks noGrp="1"/>
          </p:cNvSpPr>
          <p:nvPr>
            <p:ph type="dt" sz="half" idx="10"/>
          </p:nvPr>
        </p:nvSpPr>
        <p:spPr/>
        <p:txBody>
          <a:bodyPr/>
          <a:lstStyle/>
          <a:p>
            <a:fld id="{349BF3EA-1A78-4F07-BDC0-C8A1BD461199}" type="datetimeFigureOut">
              <a:rPr lang="en-US" smtClean="0"/>
              <a:t>4/19/2018</a:t>
            </a:fld>
            <a:endParaRPr lang="en-US"/>
          </a:p>
        </p:txBody>
      </p:sp>
      <p:sp>
        <p:nvSpPr>
          <p:cNvPr id="6" name="Slide Number Placeholder 5"/>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260745728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6" name="Footer Placeholder 5"/>
          <p:cNvSpPr>
            <a:spLocks noGrp="1"/>
          </p:cNvSpPr>
          <p:nvPr>
            <p:ph type="ftr" sz="quarter" idx="11"/>
          </p:nvPr>
        </p:nvSpPr>
        <p:spPr/>
        <p:txBody>
          <a:bodyPr/>
          <a:lstStyle/>
          <a:p>
            <a:endParaRPr lang="en-US">
              <a:solidFill>
                <a:srgbClr val="000000">
                  <a:tint val="75000"/>
                </a:srgbClr>
              </a:solidFill>
            </a:endParaRPr>
          </a:p>
        </p:txBody>
      </p:sp>
      <p:sp>
        <p:nvSpPr>
          <p:cNvPr id="7" name="Slide Number Placeholder 6"/>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417807884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11"/>
          </p:nvPr>
        </p:nvSpPr>
        <p:spPr/>
        <p:txBody>
          <a:bodyPr/>
          <a:lstStyle/>
          <a:p>
            <a:endParaRPr lang="en-US">
              <a:solidFill>
                <a:srgbClr val="000000">
                  <a:tint val="75000"/>
                </a:srgb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14384545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11"/>
          </p:nvPr>
        </p:nvSpPr>
        <p:spPr/>
        <p:txBody>
          <a:bodyPr/>
          <a:lstStyle/>
          <a:p>
            <a:endParaRPr lang="en-US">
              <a:solidFill>
                <a:srgbClr val="000000">
                  <a:tint val="75000"/>
                </a:srgbClr>
              </a:solidFill>
            </a:endParaRPr>
          </a:p>
        </p:txBody>
      </p:sp>
      <p:sp>
        <p:nvSpPr>
          <p:cNvPr id="6" name="Slide Number Placeholder 5"/>
          <p:cNvSpPr>
            <a:spLocks noGrp="1"/>
          </p:cNvSpPr>
          <p:nvPr>
            <p:ph type="sldNum" sz="quarter" idx="12"/>
          </p:nvPr>
        </p:nvSpPr>
        <p:spPr/>
        <p:txBody>
          <a:body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311344503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963084" y="0"/>
            <a:ext cx="10363200" cy="2505075"/>
          </a:xfrm>
        </p:spPr>
        <p:txBody>
          <a:bodyPr vert="horz" lIns="91440" tIns="45720" rIns="91440" bIns="45720" rtlCol="0" anchor="b">
            <a:noAutofit/>
          </a:bodyPr>
          <a:lstStyle>
            <a:lvl1pPr>
              <a:defRPr lang="en-US" dirty="0"/>
            </a:lvl1pPr>
          </a:lstStyle>
          <a:p>
            <a:pPr lvl="0"/>
            <a:r>
              <a:rPr lang="en-US" smtClean="0"/>
              <a:t>Click to edit Master title style</a:t>
            </a:r>
            <a:endParaRPr lang="en-US" dirty="0"/>
          </a:p>
        </p:txBody>
      </p:sp>
      <p:sp>
        <p:nvSpPr>
          <p:cNvPr id="3" name="Text Placeholder 2"/>
          <p:cNvSpPr>
            <a:spLocks noGrp="1"/>
          </p:cNvSpPr>
          <p:nvPr>
            <p:ph type="body" idx="1"/>
          </p:nvPr>
        </p:nvSpPr>
        <p:spPr>
          <a:xfrm>
            <a:off x="963084" y="2697163"/>
            <a:ext cx="10363200" cy="1131887"/>
          </a:xfrm>
        </p:spPr>
        <p:txBody>
          <a:bodyPr anchor="t"/>
          <a:lstStyle>
            <a:lvl1pPr marL="0" indent="0" algn="ctr">
              <a:buNone/>
              <a:defRPr sz="2000">
                <a:solidFill>
                  <a:schemeClr val="tx2"/>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5" name="Footer Placeholder 4"/>
          <p:cNvSpPr>
            <a:spLocks noGrp="1"/>
          </p:cNvSpPr>
          <p:nvPr>
            <p:ph type="ftr" sz="quarter" idx="11"/>
          </p:nvPr>
        </p:nvSpPr>
        <p:spPr/>
        <p:txBody>
          <a:bodyPr/>
          <a:lstStyle/>
          <a:p>
            <a:r>
              <a:rPr lang="en-US" dirty="0"/>
              <a:t>Add a footer</a:t>
            </a:r>
          </a:p>
        </p:txBody>
      </p:sp>
      <p:sp>
        <p:nvSpPr>
          <p:cNvPr id="4" name="Date Placeholder 3"/>
          <p:cNvSpPr>
            <a:spLocks noGrp="1"/>
          </p:cNvSpPr>
          <p:nvPr>
            <p:ph type="dt" sz="half" idx="10"/>
          </p:nvPr>
        </p:nvSpPr>
        <p:spPr/>
        <p:txBody>
          <a:bodyPr/>
          <a:lstStyle/>
          <a:p>
            <a:fld id="{349BF3EA-1A78-4F07-BDC0-C8A1BD461199}" type="datetimeFigureOut">
              <a:rPr lang="en-US" smtClean="0"/>
              <a:t>4/19/2018</a:t>
            </a:fld>
            <a:endParaRPr lang="en-US"/>
          </a:p>
        </p:txBody>
      </p:sp>
      <p:sp>
        <p:nvSpPr>
          <p:cNvPr id="6" name="Slide Number Placeholder 5"/>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400380418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9" name="Content Placeholder 8"/>
          <p:cNvSpPr>
            <a:spLocks noGrp="1"/>
          </p:cNvSpPr>
          <p:nvPr>
            <p:ph sz="quarter" idx="13"/>
          </p:nvPr>
        </p:nvSpPr>
        <p:spPr>
          <a:xfrm>
            <a:off x="612805" y="1828800"/>
            <a:ext cx="5388864" cy="342925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197600" y="1828785"/>
            <a:ext cx="5384800" cy="3429015"/>
          </a:xfrm>
        </p:spPr>
        <p:txBody>
          <a:bodyPr/>
          <a:lstStyle>
            <a:lvl1pPr>
              <a:defRPr sz="2400"/>
            </a:lvl1pPr>
            <a:lvl2pPr>
              <a:defRPr sz="1600"/>
            </a:lvl2pPr>
            <a:lvl3pPr>
              <a:defRPr sz="16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6" name="Footer Placeholder 5"/>
          <p:cNvSpPr>
            <a:spLocks noGrp="1"/>
          </p:cNvSpPr>
          <p:nvPr>
            <p:ph type="ftr" sz="quarter" idx="11"/>
          </p:nvPr>
        </p:nvSpPr>
        <p:spPr/>
        <p:txBody>
          <a:bodyPr/>
          <a:lstStyle>
            <a:lvl1pPr>
              <a:defRPr>
                <a:solidFill>
                  <a:schemeClr val="tx2"/>
                </a:solidFill>
              </a:defRPr>
            </a:lvl1pPr>
          </a:lstStyle>
          <a:p>
            <a:r>
              <a:rPr lang="en-US"/>
              <a:t>Add a footer</a:t>
            </a:r>
            <a:endParaRPr lang="en-US" dirty="0"/>
          </a:p>
        </p:txBody>
      </p:sp>
      <p:sp>
        <p:nvSpPr>
          <p:cNvPr id="5" name="Date Placeholder 4"/>
          <p:cNvSpPr>
            <a:spLocks noGrp="1"/>
          </p:cNvSpPr>
          <p:nvPr>
            <p:ph type="dt" sz="half" idx="10"/>
          </p:nvPr>
        </p:nvSpPr>
        <p:spPr/>
        <p:txBody>
          <a:bodyPr/>
          <a:lstStyle>
            <a:lvl1pPr>
              <a:defRPr>
                <a:solidFill>
                  <a:schemeClr val="tx2"/>
                </a:solidFill>
              </a:defRPr>
            </a:lvl1pPr>
          </a:lstStyle>
          <a:p>
            <a:fld id="{349BF3EA-1A78-4F07-BDC0-C8A1BD461199}" type="datetimeFigureOut">
              <a:rPr lang="en-US" smtClean="0"/>
              <a:pPr/>
              <a:t>4/19/2018</a:t>
            </a:fld>
            <a:endParaRPr lang="en-US"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401CF334-2D5C-4859-84A6-CA7E6E43FAEB}" type="slidenum">
              <a:rPr lang="en-US" smtClean="0"/>
              <a:pPr/>
              <a:t>‹#›</a:t>
            </a:fld>
            <a:endParaRPr lang="en-US" dirty="0"/>
          </a:p>
        </p:txBody>
      </p:sp>
    </p:spTree>
    <p:extLst>
      <p:ext uri="{BB962C8B-B14F-4D97-AF65-F5344CB8AC3E}">
        <p14:creationId xmlns:p14="http://schemas.microsoft.com/office/powerpoint/2010/main" val="26720579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609600" y="1840825"/>
            <a:ext cx="5386917" cy="609600"/>
          </a:xfrm>
        </p:spPr>
        <p:txBody>
          <a:bodyPr anchor="b">
            <a:noAutofit/>
          </a:bodyPr>
          <a:lstStyle>
            <a:lvl1pPr marL="0" indent="0" algn="ctr">
              <a:buNone/>
              <a:defRPr sz="2400" b="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11" name="Content Placeholder 10"/>
          <p:cNvSpPr>
            <a:spLocks noGrp="1"/>
          </p:cNvSpPr>
          <p:nvPr>
            <p:ph sz="quarter" idx="13"/>
          </p:nvPr>
        </p:nvSpPr>
        <p:spPr>
          <a:xfrm>
            <a:off x="609600" y="2453473"/>
            <a:ext cx="5388864" cy="2834031"/>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197601" y="1840825"/>
            <a:ext cx="5389033" cy="609600"/>
          </a:xfrm>
        </p:spPr>
        <p:txBody>
          <a:bodyPr anchor="b">
            <a:noAutofit/>
          </a:bodyPr>
          <a:lstStyle>
            <a:lvl1pPr marL="0" indent="0" algn="ctr">
              <a:buNone/>
              <a:defRPr sz="2400" b="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13" name="Content Placeholder 12"/>
          <p:cNvSpPr>
            <a:spLocks noGrp="1"/>
          </p:cNvSpPr>
          <p:nvPr>
            <p:ph sz="quarter" idx="14"/>
          </p:nvPr>
        </p:nvSpPr>
        <p:spPr>
          <a:xfrm>
            <a:off x="6201237" y="2453474"/>
            <a:ext cx="5388864" cy="2833709"/>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8" name="Footer Placeholder 7"/>
          <p:cNvSpPr>
            <a:spLocks noGrp="1"/>
          </p:cNvSpPr>
          <p:nvPr>
            <p:ph type="ftr" sz="quarter" idx="11"/>
          </p:nvPr>
        </p:nvSpPr>
        <p:spPr/>
        <p:txBody>
          <a:bodyPr/>
          <a:lstStyle/>
          <a:p>
            <a:r>
              <a:rPr lang="en-US" dirty="0"/>
              <a:t>Add a footer</a:t>
            </a:r>
          </a:p>
        </p:txBody>
      </p:sp>
      <p:sp>
        <p:nvSpPr>
          <p:cNvPr id="7" name="Date Placeholder 6"/>
          <p:cNvSpPr>
            <a:spLocks noGrp="1"/>
          </p:cNvSpPr>
          <p:nvPr>
            <p:ph type="dt" sz="half" idx="10"/>
          </p:nvPr>
        </p:nvSpPr>
        <p:spPr/>
        <p:txBody>
          <a:bodyPr/>
          <a:lstStyle/>
          <a:p>
            <a:fld id="{349BF3EA-1A78-4F07-BDC0-C8A1BD461199}" type="datetimeFigureOut">
              <a:rPr lang="en-US" smtClean="0"/>
              <a:t>4/19/2018</a:t>
            </a:fld>
            <a:endParaRPr lang="en-US"/>
          </a:p>
        </p:txBody>
      </p:sp>
      <p:sp>
        <p:nvSpPr>
          <p:cNvPr id="9" name="Slide Number Placeholder 8"/>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25010683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4" name="Footer Placeholder 3"/>
          <p:cNvSpPr>
            <a:spLocks noGrp="1"/>
          </p:cNvSpPr>
          <p:nvPr>
            <p:ph type="ftr" sz="quarter" idx="11"/>
          </p:nvPr>
        </p:nvSpPr>
        <p:spPr/>
        <p:txBody>
          <a:bodyPr/>
          <a:lstStyle/>
          <a:p>
            <a:r>
              <a:rPr lang="en-US" dirty="0"/>
              <a:t>Add a footer</a:t>
            </a:r>
          </a:p>
        </p:txBody>
      </p:sp>
      <p:sp>
        <p:nvSpPr>
          <p:cNvPr id="3" name="Date Placeholder 2"/>
          <p:cNvSpPr>
            <a:spLocks noGrp="1"/>
          </p:cNvSpPr>
          <p:nvPr>
            <p:ph type="dt" sz="half" idx="10"/>
          </p:nvPr>
        </p:nvSpPr>
        <p:spPr/>
        <p:txBody>
          <a:bodyPr/>
          <a:lstStyle/>
          <a:p>
            <a:fld id="{349BF3EA-1A78-4F07-BDC0-C8A1BD461199}" type="datetimeFigureOut">
              <a:rPr lang="en-US" smtClean="0"/>
              <a:t>4/19/2018</a:t>
            </a:fld>
            <a:endParaRPr lang="en-US"/>
          </a:p>
        </p:txBody>
      </p:sp>
      <p:sp>
        <p:nvSpPr>
          <p:cNvPr id="5" name="Slide Number Placeholder 4"/>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413000228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3" name="Footer Placeholder 2"/>
          <p:cNvSpPr>
            <a:spLocks noGrp="1"/>
          </p:cNvSpPr>
          <p:nvPr>
            <p:ph type="ftr" sz="quarter" idx="11"/>
          </p:nvPr>
        </p:nvSpPr>
        <p:spPr/>
        <p:txBody>
          <a:bodyPr/>
          <a:lstStyle/>
          <a:p>
            <a:r>
              <a:rPr lang="en-US" dirty="0"/>
              <a:t>Add a footer</a:t>
            </a:r>
          </a:p>
        </p:txBody>
      </p:sp>
      <p:sp>
        <p:nvSpPr>
          <p:cNvPr id="2" name="Date Placeholder 1"/>
          <p:cNvSpPr>
            <a:spLocks noGrp="1"/>
          </p:cNvSpPr>
          <p:nvPr>
            <p:ph type="dt" sz="half" idx="10"/>
          </p:nvPr>
        </p:nvSpPr>
        <p:spPr/>
        <p:txBody>
          <a:bodyPr/>
          <a:lstStyle/>
          <a:p>
            <a:fld id="{349BF3EA-1A78-4F07-BDC0-C8A1BD461199}" type="datetimeFigureOut">
              <a:rPr lang="en-US" smtClean="0"/>
              <a:t>4/19/2018</a:t>
            </a:fld>
            <a:endParaRPr lang="en-US"/>
          </a:p>
        </p:txBody>
      </p:sp>
      <p:sp>
        <p:nvSpPr>
          <p:cNvPr id="4" name="Slide Number Placeholder 3"/>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6694374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7876117" y="266700"/>
            <a:ext cx="4011084" cy="2095500"/>
          </a:xfrm>
        </p:spPr>
        <p:txBody>
          <a:bodyPr anchor="b"/>
          <a:lstStyle>
            <a:lvl1pPr algn="ctr">
              <a:lnSpc>
                <a:spcPct val="100000"/>
              </a:lnSpc>
              <a:defRPr sz="2800" b="0">
                <a:effectLst>
                  <a:outerShdw blurRad="50800" dist="25400" dir="5400000" algn="t" rotWithShape="0">
                    <a:prstClr val="black">
                      <a:alpha val="25000"/>
                    </a:prstClr>
                  </a:outerShdw>
                </a:effectLst>
              </a:defRPr>
            </a:lvl1pPr>
          </a:lstStyle>
          <a:p>
            <a:r>
              <a:rPr lang="en-US" smtClean="0"/>
              <a:t>Click to edit Master title style</a:t>
            </a:r>
            <a:endParaRPr lang="en-US" dirty="0"/>
          </a:p>
        </p:txBody>
      </p:sp>
      <p:sp>
        <p:nvSpPr>
          <p:cNvPr id="3" name="Content Placeholder 2"/>
          <p:cNvSpPr>
            <a:spLocks noGrp="1"/>
          </p:cNvSpPr>
          <p:nvPr>
            <p:ph idx="1"/>
          </p:nvPr>
        </p:nvSpPr>
        <p:spPr>
          <a:xfrm>
            <a:off x="958850" y="273052"/>
            <a:ext cx="6661151" cy="4984748"/>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7876117" y="2438401"/>
            <a:ext cx="4011084" cy="2819399"/>
          </a:xfrm>
        </p:spPr>
        <p:txBody>
          <a:bodyPr>
            <a:normAutofit/>
          </a:bodyPr>
          <a:lstStyle>
            <a:lvl1pPr marL="0" indent="0" algn="ctr">
              <a:lnSpc>
                <a:spcPct val="125000"/>
              </a:lnSpc>
              <a:buNone/>
              <a:defRPr sz="16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6" name="Footer Placeholder 5"/>
          <p:cNvSpPr>
            <a:spLocks noGrp="1"/>
          </p:cNvSpPr>
          <p:nvPr>
            <p:ph type="ftr" sz="quarter" idx="11"/>
          </p:nvPr>
        </p:nvSpPr>
        <p:spPr/>
        <p:txBody>
          <a:bodyPr/>
          <a:lstStyle/>
          <a:p>
            <a:r>
              <a:rPr lang="en-US" dirty="0"/>
              <a:t>Add a footer</a:t>
            </a:r>
          </a:p>
        </p:txBody>
      </p:sp>
      <p:sp>
        <p:nvSpPr>
          <p:cNvPr id="5" name="Date Placeholder 4"/>
          <p:cNvSpPr>
            <a:spLocks noGrp="1"/>
          </p:cNvSpPr>
          <p:nvPr>
            <p:ph type="dt" sz="half" idx="10"/>
          </p:nvPr>
        </p:nvSpPr>
        <p:spPr/>
        <p:txBody>
          <a:bodyPr/>
          <a:lstStyle/>
          <a:p>
            <a:fld id="{349BF3EA-1A78-4F07-BDC0-C8A1BD461199}" type="datetimeFigureOut">
              <a:rPr lang="en-US" smtClean="0"/>
              <a:t>4/19/2018</a:t>
            </a:fld>
            <a:endParaRPr lang="en-US"/>
          </a:p>
        </p:txBody>
      </p:sp>
      <p:sp>
        <p:nvSpPr>
          <p:cNvPr id="7" name="Slide Number Placeholder 6"/>
          <p:cNvSpPr>
            <a:spLocks noGrp="1"/>
          </p:cNvSpPr>
          <p:nvPr>
            <p:ph type="sldNum" sz="quarter" idx="12"/>
          </p:nvPr>
        </p:nvSpPr>
        <p:spPr/>
        <p:txBody>
          <a:bodyPr/>
          <a:lstStyle/>
          <a:p>
            <a:fld id="{401CF334-2D5C-4859-84A6-CA7E6E43FAEB}" type="slidenum">
              <a:rPr lang="en-US" smtClean="0"/>
              <a:t>‹#›</a:t>
            </a:fld>
            <a:endParaRPr lang="en-US"/>
          </a:p>
        </p:txBody>
      </p:sp>
    </p:spTree>
    <p:extLst>
      <p:ext uri="{BB962C8B-B14F-4D97-AF65-F5344CB8AC3E}">
        <p14:creationId xmlns:p14="http://schemas.microsoft.com/office/powerpoint/2010/main" val="37615791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239435" y="228600"/>
            <a:ext cx="7615765" cy="895350"/>
          </a:xfrm>
        </p:spPr>
        <p:txBody>
          <a:bodyPr anchor="b"/>
          <a:lstStyle>
            <a:lvl1pPr algn="ctr">
              <a:lnSpc>
                <a:spcPct val="100000"/>
              </a:lnSpc>
              <a:defRPr sz="2800" b="0"/>
            </a:lvl1pPr>
          </a:lstStyle>
          <a:p>
            <a:r>
              <a:rPr lang="en-US" smtClean="0"/>
              <a:t>Click to edit Master title style</a:t>
            </a:r>
            <a:endParaRPr lang="en-US" dirty="0"/>
          </a:p>
        </p:txBody>
      </p:sp>
      <p:sp>
        <p:nvSpPr>
          <p:cNvPr id="3" name="Picture Placeholder 2" descr="An empty placeholder to add an image. Click on the placeholder and select the image that you wish to add"/>
          <p:cNvSpPr>
            <a:spLocks noGrp="1"/>
          </p:cNvSpPr>
          <p:nvPr>
            <p:ph type="pic" idx="1"/>
          </p:nvPr>
        </p:nvSpPr>
        <p:spPr>
          <a:xfrm>
            <a:off x="2010835" y="1597800"/>
            <a:ext cx="8072965" cy="3855244"/>
          </a:xfrm>
          <a:ln w="76200">
            <a:solidFill>
              <a:schemeClr val="bg1"/>
            </a:solidFill>
          </a:ln>
          <a:effectLst>
            <a:outerShdw blurRad="88900" dist="50800" dir="5400000" algn="ctr" rotWithShape="0">
              <a:srgbClr val="000000">
                <a:alpha val="25000"/>
              </a:srgbClr>
            </a:outerShdw>
          </a:effectLst>
        </p:spPr>
        <p:txBody>
          <a:bodyPr anchor="t"/>
          <a:lstStyle>
            <a:lvl1pPr marL="0" indent="0" algn="ctr">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Click icon to add picture</a:t>
            </a:r>
            <a:endParaRPr lang="en-US" dirty="0"/>
          </a:p>
        </p:txBody>
      </p:sp>
      <p:sp>
        <p:nvSpPr>
          <p:cNvPr id="4" name="Text Placeholder 3"/>
          <p:cNvSpPr>
            <a:spLocks noGrp="1"/>
          </p:cNvSpPr>
          <p:nvPr>
            <p:ph type="body" sz="half" idx="2"/>
          </p:nvPr>
        </p:nvSpPr>
        <p:spPr>
          <a:xfrm>
            <a:off x="2239435" y="5579250"/>
            <a:ext cx="7615765" cy="533400"/>
          </a:xfrm>
        </p:spPr>
        <p:txBody>
          <a:bodyPr>
            <a:normAutofit/>
          </a:bodyPr>
          <a:lstStyle>
            <a:lvl1pPr marL="0" indent="0" algn="ctr">
              <a:buNone/>
              <a:defRPr sz="1600">
                <a:solidFill>
                  <a:schemeClr val="tx2"/>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6" name="Footer Placeholder 5"/>
          <p:cNvSpPr>
            <a:spLocks noGrp="1"/>
          </p:cNvSpPr>
          <p:nvPr>
            <p:ph type="ftr" sz="quarter" idx="11"/>
          </p:nvPr>
        </p:nvSpPr>
        <p:spPr/>
        <p:txBody>
          <a:bodyPr/>
          <a:lstStyle>
            <a:lvl1pPr>
              <a:defRPr>
                <a:solidFill>
                  <a:schemeClr val="tx2"/>
                </a:solidFill>
              </a:defRPr>
            </a:lvl1pPr>
          </a:lstStyle>
          <a:p>
            <a:r>
              <a:rPr lang="en-US" dirty="0"/>
              <a:t>Add a footer</a:t>
            </a:r>
          </a:p>
        </p:txBody>
      </p:sp>
      <p:sp>
        <p:nvSpPr>
          <p:cNvPr id="5" name="Date Placeholder 4"/>
          <p:cNvSpPr>
            <a:spLocks noGrp="1"/>
          </p:cNvSpPr>
          <p:nvPr>
            <p:ph type="dt" sz="half" idx="10"/>
          </p:nvPr>
        </p:nvSpPr>
        <p:spPr/>
        <p:txBody>
          <a:bodyPr/>
          <a:lstStyle>
            <a:lvl1pPr>
              <a:defRPr>
                <a:solidFill>
                  <a:schemeClr val="tx2"/>
                </a:solidFill>
              </a:defRPr>
            </a:lvl1pPr>
          </a:lstStyle>
          <a:p>
            <a:fld id="{349BF3EA-1A78-4F07-BDC0-C8A1BD461199}" type="datetimeFigureOut">
              <a:rPr lang="en-US" smtClean="0"/>
              <a:pPr/>
              <a:t>4/19/2018</a:t>
            </a:fld>
            <a:endParaRPr lang="en-US" dirty="0"/>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401CF334-2D5C-4859-84A6-CA7E6E43FAEB}" type="slidenum">
              <a:rPr lang="en-US" smtClean="0"/>
              <a:pPr/>
              <a:t>‹#›</a:t>
            </a:fld>
            <a:endParaRPr lang="en-US"/>
          </a:p>
        </p:txBody>
      </p:sp>
    </p:spTree>
    <p:extLst>
      <p:ext uri="{BB962C8B-B14F-4D97-AF65-F5344CB8AC3E}">
        <p14:creationId xmlns:p14="http://schemas.microsoft.com/office/powerpoint/2010/main" val="133718356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theme" Target="../theme/theme2.xml"/><Relationship Id="rId2" Type="http://schemas.openxmlformats.org/officeDocument/2006/relationships/slideLayout" Target="../slideLayouts/slideLayout13.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2">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09600" y="0"/>
            <a:ext cx="10972800" cy="1600200"/>
          </a:xfrm>
          <a:prstGeom prst="rect">
            <a:avLst/>
          </a:prstGeom>
        </p:spPr>
        <p:txBody>
          <a:bodyPr vert="horz" lIns="91440" tIns="45720" rIns="91440" bIns="45720" rtlCol="0" anchor="b">
            <a:noAutofit/>
          </a:bodyPr>
          <a:lstStyle/>
          <a:p>
            <a:r>
              <a:rPr lang="en-US" smtClean="0"/>
              <a:t>Click to edit Master title style</a:t>
            </a:r>
            <a:endParaRPr lang="en-US" dirty="0"/>
          </a:p>
        </p:txBody>
      </p:sp>
      <p:sp>
        <p:nvSpPr>
          <p:cNvPr id="3" name="Text Placeholder 2"/>
          <p:cNvSpPr>
            <a:spLocks noGrp="1"/>
          </p:cNvSpPr>
          <p:nvPr>
            <p:ph type="body" idx="1"/>
          </p:nvPr>
        </p:nvSpPr>
        <p:spPr>
          <a:xfrm>
            <a:off x="609600" y="1846262"/>
            <a:ext cx="10972800" cy="3419476"/>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Footer Placeholder 4"/>
          <p:cNvSpPr>
            <a:spLocks noGrp="1"/>
          </p:cNvSpPr>
          <p:nvPr>
            <p:ph type="ftr" sz="quarter" idx="3"/>
          </p:nvPr>
        </p:nvSpPr>
        <p:spPr>
          <a:xfrm>
            <a:off x="2692275" y="6137408"/>
            <a:ext cx="3654313" cy="365125"/>
          </a:xfrm>
          <a:prstGeom prst="rect">
            <a:avLst/>
          </a:prstGeom>
        </p:spPr>
        <p:txBody>
          <a:bodyPr vert="horz" lIns="45720" tIns="45720" rIns="91440" bIns="45720" rtlCol="0" anchor="ctr"/>
          <a:lstStyle>
            <a:lvl1pPr algn="l">
              <a:defRPr sz="1200">
                <a:solidFill>
                  <a:schemeClr val="tx2"/>
                </a:solidFill>
                <a:latin typeface="Century Gothic" pitchFamily="34" charset="0"/>
              </a:defRPr>
            </a:lvl1pPr>
          </a:lstStyle>
          <a:p>
            <a:r>
              <a:rPr lang="en-US" dirty="0"/>
              <a:t>Add a footer</a:t>
            </a:r>
          </a:p>
        </p:txBody>
      </p:sp>
      <p:sp>
        <p:nvSpPr>
          <p:cNvPr id="4" name="Date Placeholder 3"/>
          <p:cNvSpPr>
            <a:spLocks noGrp="1"/>
          </p:cNvSpPr>
          <p:nvPr>
            <p:ph type="dt" sz="half" idx="2"/>
          </p:nvPr>
        </p:nvSpPr>
        <p:spPr>
          <a:xfrm>
            <a:off x="7303488" y="6137408"/>
            <a:ext cx="1173043" cy="365125"/>
          </a:xfrm>
          <a:prstGeom prst="rect">
            <a:avLst/>
          </a:prstGeom>
        </p:spPr>
        <p:txBody>
          <a:bodyPr vert="horz" lIns="91440" tIns="45720" rIns="45720" bIns="45720" rtlCol="0" anchor="ctr"/>
          <a:lstStyle>
            <a:lvl1pPr algn="r">
              <a:defRPr sz="1200">
                <a:solidFill>
                  <a:schemeClr val="tx2"/>
                </a:solidFill>
                <a:latin typeface="Century Gothic" pitchFamily="34" charset="0"/>
              </a:defRPr>
            </a:lvl1pPr>
          </a:lstStyle>
          <a:p>
            <a:fld id="{349BF3EA-1A78-4F07-BDC0-C8A1BD461199}" type="datetimeFigureOut">
              <a:rPr lang="en-US" smtClean="0"/>
              <a:pPr/>
              <a:t>4/19/2018</a:t>
            </a:fld>
            <a:endParaRPr lang="en-US"/>
          </a:p>
        </p:txBody>
      </p:sp>
      <p:sp>
        <p:nvSpPr>
          <p:cNvPr id="6" name="Slide Number Placeholder 5"/>
          <p:cNvSpPr>
            <a:spLocks noGrp="1"/>
          </p:cNvSpPr>
          <p:nvPr>
            <p:ph type="sldNum" sz="quarter" idx="4"/>
          </p:nvPr>
        </p:nvSpPr>
        <p:spPr>
          <a:xfrm>
            <a:off x="9433430" y="6137408"/>
            <a:ext cx="749300" cy="365125"/>
          </a:xfrm>
          <a:prstGeom prst="rect">
            <a:avLst/>
          </a:prstGeom>
        </p:spPr>
        <p:txBody>
          <a:bodyPr vert="horz" lIns="27432" tIns="45720" rIns="45720" bIns="45720" rtlCol="0" anchor="ctr"/>
          <a:lstStyle>
            <a:lvl1pPr algn="l">
              <a:defRPr sz="1200">
                <a:solidFill>
                  <a:schemeClr val="tx2"/>
                </a:solidFill>
                <a:latin typeface="Century Gothic" pitchFamily="34" charset="0"/>
              </a:defRPr>
            </a:lvl1pPr>
          </a:lstStyle>
          <a:p>
            <a:fld id="{401CF334-2D5C-4859-84A6-CA7E6E43FAEB}" type="slidenum">
              <a:rPr lang="en-US" smtClean="0"/>
              <a:pPr/>
              <a:t>‹#›</a:t>
            </a:fld>
            <a:endParaRPr lang="en-US"/>
          </a:p>
        </p:txBody>
      </p:sp>
      <p:grpSp>
        <p:nvGrpSpPr>
          <p:cNvPr id="7" name="Group 6" descr="Shrubs on seashore">
            <a:extLst>
              <a:ext uri="{FF2B5EF4-FFF2-40B4-BE49-F238E27FC236}">
                <a16:creationId xmlns:a16="http://schemas.microsoft.com/office/drawing/2014/main" xmlns="" id="{32ABC1A6-8856-41D7-BF42-7ED8D4AC1C81}"/>
              </a:ext>
            </a:extLst>
          </p:cNvPr>
          <p:cNvGrpSpPr/>
          <p:nvPr userDrawn="1"/>
        </p:nvGrpSpPr>
        <p:grpSpPr>
          <a:xfrm>
            <a:off x="11112" y="4291013"/>
            <a:ext cx="12180887" cy="2589212"/>
            <a:chOff x="11112" y="4291013"/>
            <a:chExt cx="12180887" cy="2589212"/>
          </a:xfrm>
        </p:grpSpPr>
        <p:sp>
          <p:nvSpPr>
            <p:cNvPr id="8" name="Oval 7"/>
            <p:cNvSpPr/>
            <p:nvPr/>
          </p:nvSpPr>
          <p:spPr>
            <a:xfrm>
              <a:off x="758826" y="6499384"/>
              <a:ext cx="113029" cy="84772"/>
            </a:xfrm>
            <a:prstGeom prst="ellipse">
              <a:avLst/>
            </a:prstGeom>
            <a:solidFill>
              <a:schemeClr val="tx1">
                <a:lumMod val="50000"/>
                <a:lumOff val="50000"/>
              </a:schemeClr>
            </a:solidFill>
            <a:ln w="127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chemeClr val="tx2"/>
                </a:solidFill>
              </a:endParaRPr>
            </a:p>
          </p:txBody>
        </p:sp>
        <p:sp>
          <p:nvSpPr>
            <p:cNvPr id="10" name="Freeform 2"/>
            <p:cNvSpPr>
              <a:spLocks/>
            </p:cNvSpPr>
            <p:nvPr/>
          </p:nvSpPr>
          <p:spPr bwMode="ltGray">
            <a:xfrm>
              <a:off x="11112" y="6456363"/>
              <a:ext cx="12180887" cy="423862"/>
            </a:xfrm>
            <a:custGeom>
              <a:avLst/>
              <a:gdLst>
                <a:gd name="T0" fmla="*/ 0 w 5760"/>
                <a:gd name="T1" fmla="*/ 266 h 267"/>
                <a:gd name="T2" fmla="*/ 5759 w 5760"/>
                <a:gd name="T3" fmla="*/ 266 h 267"/>
                <a:gd name="T4" fmla="*/ 5759 w 5760"/>
                <a:gd name="T5" fmla="*/ 81 h 267"/>
                <a:gd name="T6" fmla="*/ 5573 w 5760"/>
                <a:gd name="T7" fmla="*/ 111 h 267"/>
                <a:gd name="T8" fmla="*/ 5104 w 5760"/>
                <a:gd name="T9" fmla="*/ 131 h 267"/>
                <a:gd name="T10" fmla="*/ 4602 w 5760"/>
                <a:gd name="T11" fmla="*/ 101 h 267"/>
                <a:gd name="T12" fmla="*/ 4143 w 5760"/>
                <a:gd name="T13" fmla="*/ 141 h 267"/>
                <a:gd name="T14" fmla="*/ 3918 w 5760"/>
                <a:gd name="T15" fmla="*/ 141 h 267"/>
                <a:gd name="T16" fmla="*/ 3790 w 5760"/>
                <a:gd name="T17" fmla="*/ 131 h 267"/>
                <a:gd name="T18" fmla="*/ 3459 w 5760"/>
                <a:gd name="T19" fmla="*/ 81 h 267"/>
                <a:gd name="T20" fmla="*/ 2979 w 5760"/>
                <a:gd name="T21" fmla="*/ 91 h 267"/>
                <a:gd name="T22" fmla="*/ 2733 w 5760"/>
                <a:gd name="T23" fmla="*/ 20 h 267"/>
                <a:gd name="T24" fmla="*/ 2434 w 5760"/>
                <a:gd name="T25" fmla="*/ 51 h 267"/>
                <a:gd name="T26" fmla="*/ 2220 w 5760"/>
                <a:gd name="T27" fmla="*/ 81 h 267"/>
                <a:gd name="T28" fmla="*/ 2050 w 5760"/>
                <a:gd name="T29" fmla="*/ 91 h 267"/>
                <a:gd name="T30" fmla="*/ 1751 w 5760"/>
                <a:gd name="T31" fmla="*/ 71 h 267"/>
                <a:gd name="T32" fmla="*/ 1441 w 5760"/>
                <a:gd name="T33" fmla="*/ 51 h 267"/>
                <a:gd name="T34" fmla="*/ 1131 w 5760"/>
                <a:gd name="T35" fmla="*/ 20 h 267"/>
                <a:gd name="T36" fmla="*/ 757 w 5760"/>
                <a:gd name="T37" fmla="*/ 40 h 267"/>
                <a:gd name="T38" fmla="*/ 384 w 5760"/>
                <a:gd name="T39" fmla="*/ 71 h 267"/>
                <a:gd name="T40" fmla="*/ 128 w 5760"/>
                <a:gd name="T41" fmla="*/ 10 h 267"/>
                <a:gd name="T42" fmla="*/ 0 w 5760"/>
                <a:gd name="T43" fmla="*/ 0 h 267"/>
                <a:gd name="T44" fmla="*/ 0 w 5760"/>
                <a:gd name="T45" fmla="*/ 266 h 26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5760" h="267">
                  <a:moveTo>
                    <a:pt x="0" y="266"/>
                  </a:moveTo>
                  <a:lnTo>
                    <a:pt x="5759" y="266"/>
                  </a:lnTo>
                  <a:lnTo>
                    <a:pt x="5759" y="81"/>
                  </a:lnTo>
                  <a:lnTo>
                    <a:pt x="5573" y="111"/>
                  </a:lnTo>
                  <a:lnTo>
                    <a:pt x="5104" y="131"/>
                  </a:lnTo>
                  <a:lnTo>
                    <a:pt x="4602" y="101"/>
                  </a:lnTo>
                  <a:lnTo>
                    <a:pt x="4143" y="141"/>
                  </a:lnTo>
                  <a:lnTo>
                    <a:pt x="3918" y="141"/>
                  </a:lnTo>
                  <a:lnTo>
                    <a:pt x="3790" y="131"/>
                  </a:lnTo>
                  <a:lnTo>
                    <a:pt x="3459" y="81"/>
                  </a:lnTo>
                  <a:lnTo>
                    <a:pt x="2979" y="91"/>
                  </a:lnTo>
                  <a:lnTo>
                    <a:pt x="2733" y="20"/>
                  </a:lnTo>
                  <a:lnTo>
                    <a:pt x="2434" y="51"/>
                  </a:lnTo>
                  <a:lnTo>
                    <a:pt x="2220" y="81"/>
                  </a:lnTo>
                  <a:lnTo>
                    <a:pt x="2050" y="91"/>
                  </a:lnTo>
                  <a:lnTo>
                    <a:pt x="1751" y="71"/>
                  </a:lnTo>
                  <a:lnTo>
                    <a:pt x="1441" y="51"/>
                  </a:lnTo>
                  <a:lnTo>
                    <a:pt x="1131" y="20"/>
                  </a:lnTo>
                  <a:lnTo>
                    <a:pt x="757" y="40"/>
                  </a:lnTo>
                  <a:lnTo>
                    <a:pt x="384" y="71"/>
                  </a:lnTo>
                  <a:lnTo>
                    <a:pt x="128" y="10"/>
                  </a:lnTo>
                  <a:lnTo>
                    <a:pt x="0" y="0"/>
                  </a:lnTo>
                  <a:lnTo>
                    <a:pt x="0" y="266"/>
                  </a:lnTo>
                </a:path>
              </a:pathLst>
            </a:custGeom>
            <a:solidFill>
              <a:srgbClr val="9DA090"/>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11" name="Group 68"/>
            <p:cNvGrpSpPr>
              <a:grpSpLocks/>
            </p:cNvGrpSpPr>
            <p:nvPr/>
          </p:nvGrpSpPr>
          <p:grpSpPr bwMode="auto">
            <a:xfrm>
              <a:off x="68263" y="4291013"/>
              <a:ext cx="2384425" cy="2447925"/>
              <a:chOff x="43" y="2703"/>
              <a:chExt cx="1502" cy="1542"/>
            </a:xfrm>
          </p:grpSpPr>
          <p:grpSp>
            <p:nvGrpSpPr>
              <p:cNvPr id="55" name="Group 28"/>
              <p:cNvGrpSpPr>
                <a:grpSpLocks/>
              </p:cNvGrpSpPr>
              <p:nvPr/>
            </p:nvGrpSpPr>
            <p:grpSpPr bwMode="auto">
              <a:xfrm>
                <a:off x="106" y="2703"/>
                <a:ext cx="1387" cy="1542"/>
                <a:chOff x="106" y="2703"/>
                <a:chExt cx="1387" cy="1542"/>
              </a:xfrm>
            </p:grpSpPr>
            <p:grpSp>
              <p:nvGrpSpPr>
                <p:cNvPr id="95" name="Group 5"/>
                <p:cNvGrpSpPr>
                  <a:grpSpLocks/>
                </p:cNvGrpSpPr>
                <p:nvPr/>
              </p:nvGrpSpPr>
              <p:grpSpPr bwMode="auto">
                <a:xfrm>
                  <a:off x="506" y="3583"/>
                  <a:ext cx="135" cy="584"/>
                  <a:chOff x="506" y="3583"/>
                  <a:chExt cx="135" cy="584"/>
                </a:xfrm>
              </p:grpSpPr>
              <p:sp>
                <p:nvSpPr>
                  <p:cNvPr id="118" name="Freeform 3"/>
                  <p:cNvSpPr>
                    <a:spLocks/>
                  </p:cNvSpPr>
                  <p:nvPr/>
                </p:nvSpPr>
                <p:spPr bwMode="ltGray">
                  <a:xfrm>
                    <a:off x="509" y="3861"/>
                    <a:ext cx="132" cy="239"/>
                  </a:xfrm>
                  <a:custGeom>
                    <a:avLst/>
                    <a:gdLst>
                      <a:gd name="T0" fmla="*/ 0 w 132"/>
                      <a:gd name="T1" fmla="*/ 238 h 239"/>
                      <a:gd name="T2" fmla="*/ 19 w 132"/>
                      <a:gd name="T3" fmla="*/ 184 h 239"/>
                      <a:gd name="T4" fmla="*/ 36 w 132"/>
                      <a:gd name="T5" fmla="*/ 126 h 239"/>
                      <a:gd name="T6" fmla="*/ 44 w 132"/>
                      <a:gd name="T7" fmla="*/ 100 h 239"/>
                      <a:gd name="T8" fmla="*/ 55 w 132"/>
                      <a:gd name="T9" fmla="*/ 70 h 239"/>
                      <a:gd name="T10" fmla="*/ 72 w 132"/>
                      <a:gd name="T11" fmla="*/ 39 h 239"/>
                      <a:gd name="T12" fmla="*/ 83 w 132"/>
                      <a:gd name="T13" fmla="*/ 19 h 239"/>
                      <a:gd name="T14" fmla="*/ 93 w 132"/>
                      <a:gd name="T15" fmla="*/ 10 h 239"/>
                      <a:gd name="T16" fmla="*/ 105 w 132"/>
                      <a:gd name="T17" fmla="*/ 2 h 239"/>
                      <a:gd name="T18" fmla="*/ 118 w 132"/>
                      <a:gd name="T19" fmla="*/ 0 h 239"/>
                      <a:gd name="T20" fmla="*/ 124 w 132"/>
                      <a:gd name="T21" fmla="*/ 6 h 239"/>
                      <a:gd name="T22" fmla="*/ 131 w 132"/>
                      <a:gd name="T23" fmla="*/ 22 h 2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2" h="239">
                        <a:moveTo>
                          <a:pt x="0" y="238"/>
                        </a:moveTo>
                        <a:lnTo>
                          <a:pt x="19" y="184"/>
                        </a:lnTo>
                        <a:lnTo>
                          <a:pt x="36" y="126"/>
                        </a:lnTo>
                        <a:lnTo>
                          <a:pt x="44" y="100"/>
                        </a:lnTo>
                        <a:lnTo>
                          <a:pt x="55" y="70"/>
                        </a:lnTo>
                        <a:lnTo>
                          <a:pt x="72" y="39"/>
                        </a:lnTo>
                        <a:lnTo>
                          <a:pt x="83" y="19"/>
                        </a:lnTo>
                        <a:lnTo>
                          <a:pt x="93" y="10"/>
                        </a:lnTo>
                        <a:lnTo>
                          <a:pt x="105" y="2"/>
                        </a:lnTo>
                        <a:lnTo>
                          <a:pt x="118" y="0"/>
                        </a:lnTo>
                        <a:lnTo>
                          <a:pt x="124" y="6"/>
                        </a:lnTo>
                        <a:lnTo>
                          <a:pt x="131" y="22"/>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9" name="Freeform 4"/>
                  <p:cNvSpPr>
                    <a:spLocks/>
                  </p:cNvSpPr>
                  <p:nvPr/>
                </p:nvSpPr>
                <p:spPr bwMode="ltGray">
                  <a:xfrm>
                    <a:off x="506" y="3583"/>
                    <a:ext cx="90" cy="584"/>
                  </a:xfrm>
                  <a:custGeom>
                    <a:avLst/>
                    <a:gdLst>
                      <a:gd name="T0" fmla="*/ 0 w 90"/>
                      <a:gd name="T1" fmla="*/ 583 h 584"/>
                      <a:gd name="T2" fmla="*/ 0 w 90"/>
                      <a:gd name="T3" fmla="*/ 528 h 584"/>
                      <a:gd name="T4" fmla="*/ 0 w 90"/>
                      <a:gd name="T5" fmla="*/ 487 h 584"/>
                      <a:gd name="T6" fmla="*/ 2 w 90"/>
                      <a:gd name="T7" fmla="*/ 458 h 584"/>
                      <a:gd name="T8" fmla="*/ 2 w 90"/>
                      <a:gd name="T9" fmla="*/ 423 h 584"/>
                      <a:gd name="T10" fmla="*/ 2 w 90"/>
                      <a:gd name="T11" fmla="*/ 387 h 584"/>
                      <a:gd name="T12" fmla="*/ 3 w 90"/>
                      <a:gd name="T13" fmla="*/ 357 h 584"/>
                      <a:gd name="T14" fmla="*/ 5 w 90"/>
                      <a:gd name="T15" fmla="*/ 329 h 584"/>
                      <a:gd name="T16" fmla="*/ 8 w 90"/>
                      <a:gd name="T17" fmla="*/ 280 h 584"/>
                      <a:gd name="T18" fmla="*/ 13 w 90"/>
                      <a:gd name="T19" fmla="*/ 227 h 584"/>
                      <a:gd name="T20" fmla="*/ 19 w 90"/>
                      <a:gd name="T21" fmla="*/ 173 h 584"/>
                      <a:gd name="T22" fmla="*/ 23 w 90"/>
                      <a:gd name="T23" fmla="*/ 116 h 584"/>
                      <a:gd name="T24" fmla="*/ 27 w 90"/>
                      <a:gd name="T25" fmla="*/ 81 h 584"/>
                      <a:gd name="T26" fmla="*/ 30 w 90"/>
                      <a:gd name="T27" fmla="*/ 68 h 584"/>
                      <a:gd name="T28" fmla="*/ 38 w 90"/>
                      <a:gd name="T29" fmla="*/ 45 h 584"/>
                      <a:gd name="T30" fmla="*/ 46 w 90"/>
                      <a:gd name="T31" fmla="*/ 28 h 584"/>
                      <a:gd name="T32" fmla="*/ 55 w 90"/>
                      <a:gd name="T33" fmla="*/ 15 h 584"/>
                      <a:gd name="T34" fmla="*/ 63 w 90"/>
                      <a:gd name="T35" fmla="*/ 3 h 584"/>
                      <a:gd name="T36" fmla="*/ 69 w 90"/>
                      <a:gd name="T37" fmla="*/ 0 h 584"/>
                      <a:gd name="T38" fmla="*/ 78 w 90"/>
                      <a:gd name="T39" fmla="*/ 0 h 584"/>
                      <a:gd name="T40" fmla="*/ 86 w 90"/>
                      <a:gd name="T41" fmla="*/ 4 h 584"/>
                      <a:gd name="T42" fmla="*/ 89 w 90"/>
                      <a:gd name="T43" fmla="*/ 10 h 5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90" h="584">
                        <a:moveTo>
                          <a:pt x="0" y="583"/>
                        </a:moveTo>
                        <a:lnTo>
                          <a:pt x="0" y="528"/>
                        </a:lnTo>
                        <a:lnTo>
                          <a:pt x="0" y="487"/>
                        </a:lnTo>
                        <a:lnTo>
                          <a:pt x="2" y="458"/>
                        </a:lnTo>
                        <a:lnTo>
                          <a:pt x="2" y="423"/>
                        </a:lnTo>
                        <a:lnTo>
                          <a:pt x="2" y="387"/>
                        </a:lnTo>
                        <a:lnTo>
                          <a:pt x="3" y="357"/>
                        </a:lnTo>
                        <a:lnTo>
                          <a:pt x="5" y="329"/>
                        </a:lnTo>
                        <a:lnTo>
                          <a:pt x="8" y="280"/>
                        </a:lnTo>
                        <a:lnTo>
                          <a:pt x="13" y="227"/>
                        </a:lnTo>
                        <a:lnTo>
                          <a:pt x="19" y="173"/>
                        </a:lnTo>
                        <a:lnTo>
                          <a:pt x="23" y="116"/>
                        </a:lnTo>
                        <a:lnTo>
                          <a:pt x="27" y="81"/>
                        </a:lnTo>
                        <a:lnTo>
                          <a:pt x="30" y="68"/>
                        </a:lnTo>
                        <a:lnTo>
                          <a:pt x="38" y="45"/>
                        </a:lnTo>
                        <a:lnTo>
                          <a:pt x="46" y="28"/>
                        </a:lnTo>
                        <a:lnTo>
                          <a:pt x="55" y="15"/>
                        </a:lnTo>
                        <a:lnTo>
                          <a:pt x="63" y="3"/>
                        </a:lnTo>
                        <a:lnTo>
                          <a:pt x="69" y="0"/>
                        </a:lnTo>
                        <a:lnTo>
                          <a:pt x="78" y="0"/>
                        </a:lnTo>
                        <a:lnTo>
                          <a:pt x="86" y="4"/>
                        </a:lnTo>
                        <a:lnTo>
                          <a:pt x="89" y="10"/>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grpSp>
              <p:nvGrpSpPr>
                <p:cNvPr id="96" name="Group 8"/>
                <p:cNvGrpSpPr>
                  <a:grpSpLocks/>
                </p:cNvGrpSpPr>
                <p:nvPr/>
              </p:nvGrpSpPr>
              <p:grpSpPr bwMode="auto">
                <a:xfrm>
                  <a:off x="243" y="3542"/>
                  <a:ext cx="270" cy="631"/>
                  <a:chOff x="243" y="3542"/>
                  <a:chExt cx="270" cy="631"/>
                </a:xfrm>
              </p:grpSpPr>
              <p:sp>
                <p:nvSpPr>
                  <p:cNvPr id="116" name="Freeform 6"/>
                  <p:cNvSpPr>
                    <a:spLocks/>
                  </p:cNvSpPr>
                  <p:nvPr/>
                </p:nvSpPr>
                <p:spPr bwMode="ltGray">
                  <a:xfrm>
                    <a:off x="350" y="3908"/>
                    <a:ext cx="163" cy="265"/>
                  </a:xfrm>
                  <a:custGeom>
                    <a:avLst/>
                    <a:gdLst>
                      <a:gd name="T0" fmla="*/ 162 w 163"/>
                      <a:gd name="T1" fmla="*/ 264 h 265"/>
                      <a:gd name="T2" fmla="*/ 138 w 163"/>
                      <a:gd name="T3" fmla="*/ 239 h 265"/>
                      <a:gd name="T4" fmla="*/ 128 w 163"/>
                      <a:gd name="T5" fmla="*/ 222 h 265"/>
                      <a:gd name="T6" fmla="*/ 122 w 163"/>
                      <a:gd name="T7" fmla="*/ 210 h 265"/>
                      <a:gd name="T8" fmla="*/ 86 w 163"/>
                      <a:gd name="T9" fmla="*/ 88 h 265"/>
                      <a:gd name="T10" fmla="*/ 66 w 163"/>
                      <a:gd name="T11" fmla="*/ 49 h 265"/>
                      <a:gd name="T12" fmla="*/ 52 w 163"/>
                      <a:gd name="T13" fmla="*/ 24 h 265"/>
                      <a:gd name="T14" fmla="*/ 41 w 163"/>
                      <a:gd name="T15" fmla="*/ 13 h 265"/>
                      <a:gd name="T16" fmla="*/ 27 w 163"/>
                      <a:gd name="T17" fmla="*/ 3 h 265"/>
                      <a:gd name="T18" fmla="*/ 15 w 163"/>
                      <a:gd name="T19" fmla="*/ 0 h 265"/>
                      <a:gd name="T20" fmla="*/ 5 w 163"/>
                      <a:gd name="T21" fmla="*/ 2 h 265"/>
                      <a:gd name="T22" fmla="*/ 0 w 163"/>
                      <a:gd name="T23" fmla="*/ 17 h 2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63" h="265">
                        <a:moveTo>
                          <a:pt x="162" y="264"/>
                        </a:moveTo>
                        <a:lnTo>
                          <a:pt x="138" y="239"/>
                        </a:lnTo>
                        <a:lnTo>
                          <a:pt x="128" y="222"/>
                        </a:lnTo>
                        <a:lnTo>
                          <a:pt x="122" y="210"/>
                        </a:lnTo>
                        <a:lnTo>
                          <a:pt x="86" y="88"/>
                        </a:lnTo>
                        <a:lnTo>
                          <a:pt x="66" y="49"/>
                        </a:lnTo>
                        <a:lnTo>
                          <a:pt x="52" y="24"/>
                        </a:lnTo>
                        <a:lnTo>
                          <a:pt x="41" y="13"/>
                        </a:lnTo>
                        <a:lnTo>
                          <a:pt x="27" y="3"/>
                        </a:lnTo>
                        <a:lnTo>
                          <a:pt x="15" y="0"/>
                        </a:lnTo>
                        <a:lnTo>
                          <a:pt x="5" y="2"/>
                        </a:lnTo>
                        <a:lnTo>
                          <a:pt x="0" y="17"/>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7" name="Freeform 7"/>
                  <p:cNvSpPr>
                    <a:spLocks/>
                  </p:cNvSpPr>
                  <p:nvPr/>
                </p:nvSpPr>
                <p:spPr bwMode="ltGray">
                  <a:xfrm>
                    <a:off x="243" y="3542"/>
                    <a:ext cx="250" cy="628"/>
                  </a:xfrm>
                  <a:custGeom>
                    <a:avLst/>
                    <a:gdLst>
                      <a:gd name="T0" fmla="*/ 249 w 250"/>
                      <a:gd name="T1" fmla="*/ 627 h 628"/>
                      <a:gd name="T2" fmla="*/ 242 w 250"/>
                      <a:gd name="T3" fmla="*/ 577 h 628"/>
                      <a:gd name="T4" fmla="*/ 164 w 250"/>
                      <a:gd name="T5" fmla="*/ 237 h 628"/>
                      <a:gd name="T6" fmla="*/ 128 w 250"/>
                      <a:gd name="T7" fmla="*/ 132 h 628"/>
                      <a:gd name="T8" fmla="*/ 118 w 250"/>
                      <a:gd name="T9" fmla="*/ 97 h 628"/>
                      <a:gd name="T10" fmla="*/ 105 w 250"/>
                      <a:gd name="T11" fmla="*/ 57 h 628"/>
                      <a:gd name="T12" fmla="*/ 90 w 250"/>
                      <a:gd name="T13" fmla="*/ 27 h 628"/>
                      <a:gd name="T14" fmla="*/ 75 w 250"/>
                      <a:gd name="T15" fmla="*/ 11 h 628"/>
                      <a:gd name="T16" fmla="*/ 57 w 250"/>
                      <a:gd name="T17" fmla="*/ 0 h 628"/>
                      <a:gd name="T18" fmla="*/ 38 w 250"/>
                      <a:gd name="T19" fmla="*/ 0 h 628"/>
                      <a:gd name="T20" fmla="*/ 26 w 250"/>
                      <a:gd name="T21" fmla="*/ 12 h 628"/>
                      <a:gd name="T22" fmla="*/ 0 w 250"/>
                      <a:gd name="T23" fmla="*/ 70 h 62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50" h="628">
                        <a:moveTo>
                          <a:pt x="249" y="627"/>
                        </a:moveTo>
                        <a:lnTo>
                          <a:pt x="242" y="577"/>
                        </a:lnTo>
                        <a:lnTo>
                          <a:pt x="164" y="237"/>
                        </a:lnTo>
                        <a:lnTo>
                          <a:pt x="128" y="132"/>
                        </a:lnTo>
                        <a:lnTo>
                          <a:pt x="118" y="97"/>
                        </a:lnTo>
                        <a:lnTo>
                          <a:pt x="105" y="57"/>
                        </a:lnTo>
                        <a:lnTo>
                          <a:pt x="90" y="27"/>
                        </a:lnTo>
                        <a:lnTo>
                          <a:pt x="75" y="11"/>
                        </a:lnTo>
                        <a:lnTo>
                          <a:pt x="57" y="0"/>
                        </a:lnTo>
                        <a:lnTo>
                          <a:pt x="38" y="0"/>
                        </a:lnTo>
                        <a:lnTo>
                          <a:pt x="26" y="12"/>
                        </a:lnTo>
                        <a:lnTo>
                          <a:pt x="0" y="70"/>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97" name="Freeform 9"/>
                <p:cNvSpPr>
                  <a:spLocks/>
                </p:cNvSpPr>
                <p:nvPr/>
              </p:nvSpPr>
              <p:spPr bwMode="ltGray">
                <a:xfrm>
                  <a:off x="351" y="3908"/>
                  <a:ext cx="59" cy="262"/>
                </a:xfrm>
                <a:custGeom>
                  <a:avLst/>
                  <a:gdLst>
                    <a:gd name="T0" fmla="*/ 0 w 59"/>
                    <a:gd name="T1" fmla="*/ 261 h 262"/>
                    <a:gd name="T2" fmla="*/ 8 w 59"/>
                    <a:gd name="T3" fmla="*/ 202 h 262"/>
                    <a:gd name="T4" fmla="*/ 15 w 59"/>
                    <a:gd name="T5" fmla="*/ 138 h 262"/>
                    <a:gd name="T6" fmla="*/ 19 w 59"/>
                    <a:gd name="T7" fmla="*/ 110 h 262"/>
                    <a:gd name="T8" fmla="*/ 24 w 59"/>
                    <a:gd name="T9" fmla="*/ 77 h 262"/>
                    <a:gd name="T10" fmla="*/ 31 w 59"/>
                    <a:gd name="T11" fmla="*/ 43 h 262"/>
                    <a:gd name="T12" fmla="*/ 36 w 59"/>
                    <a:gd name="T13" fmla="*/ 21 h 262"/>
                    <a:gd name="T14" fmla="*/ 41 w 59"/>
                    <a:gd name="T15" fmla="*/ 11 h 262"/>
                    <a:gd name="T16" fmla="*/ 46 w 59"/>
                    <a:gd name="T17" fmla="*/ 2 h 262"/>
                    <a:gd name="T18" fmla="*/ 52 w 59"/>
                    <a:gd name="T19" fmla="*/ 0 h 262"/>
                    <a:gd name="T20" fmla="*/ 55 w 59"/>
                    <a:gd name="T21" fmla="*/ 7 h 262"/>
                    <a:gd name="T22" fmla="*/ 58 w 59"/>
                    <a:gd name="T23" fmla="*/ 24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59" h="262">
                      <a:moveTo>
                        <a:pt x="0" y="261"/>
                      </a:moveTo>
                      <a:lnTo>
                        <a:pt x="8" y="202"/>
                      </a:lnTo>
                      <a:lnTo>
                        <a:pt x="15" y="138"/>
                      </a:lnTo>
                      <a:lnTo>
                        <a:pt x="19" y="110"/>
                      </a:lnTo>
                      <a:lnTo>
                        <a:pt x="24" y="77"/>
                      </a:lnTo>
                      <a:lnTo>
                        <a:pt x="31" y="43"/>
                      </a:lnTo>
                      <a:lnTo>
                        <a:pt x="36" y="21"/>
                      </a:lnTo>
                      <a:lnTo>
                        <a:pt x="41" y="11"/>
                      </a:lnTo>
                      <a:lnTo>
                        <a:pt x="46" y="2"/>
                      </a:lnTo>
                      <a:lnTo>
                        <a:pt x="52" y="0"/>
                      </a:lnTo>
                      <a:lnTo>
                        <a:pt x="55" y="7"/>
                      </a:lnTo>
                      <a:lnTo>
                        <a:pt x="58" y="24"/>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98" name="Freeform 10"/>
                <p:cNvSpPr>
                  <a:spLocks/>
                </p:cNvSpPr>
                <p:nvPr/>
              </p:nvSpPr>
              <p:spPr bwMode="ltGray">
                <a:xfrm>
                  <a:off x="349" y="3605"/>
                  <a:ext cx="41" cy="640"/>
                </a:xfrm>
                <a:custGeom>
                  <a:avLst/>
                  <a:gdLst>
                    <a:gd name="T0" fmla="*/ 0 w 41"/>
                    <a:gd name="T1" fmla="*/ 639 h 640"/>
                    <a:gd name="T2" fmla="*/ 0 w 41"/>
                    <a:gd name="T3" fmla="*/ 579 h 640"/>
                    <a:gd name="T4" fmla="*/ 0 w 41"/>
                    <a:gd name="T5" fmla="*/ 534 h 640"/>
                    <a:gd name="T6" fmla="*/ 0 w 41"/>
                    <a:gd name="T7" fmla="*/ 503 h 640"/>
                    <a:gd name="T8" fmla="*/ 1 w 41"/>
                    <a:gd name="T9" fmla="*/ 464 h 640"/>
                    <a:gd name="T10" fmla="*/ 1 w 41"/>
                    <a:gd name="T11" fmla="*/ 424 h 640"/>
                    <a:gd name="T12" fmla="*/ 1 w 41"/>
                    <a:gd name="T13" fmla="*/ 391 h 640"/>
                    <a:gd name="T14" fmla="*/ 2 w 41"/>
                    <a:gd name="T15" fmla="*/ 361 h 640"/>
                    <a:gd name="T16" fmla="*/ 4 w 41"/>
                    <a:gd name="T17" fmla="*/ 307 h 640"/>
                    <a:gd name="T18" fmla="*/ 5 w 41"/>
                    <a:gd name="T19" fmla="*/ 249 h 640"/>
                    <a:gd name="T20" fmla="*/ 8 w 41"/>
                    <a:gd name="T21" fmla="*/ 190 h 640"/>
                    <a:gd name="T22" fmla="*/ 10 w 41"/>
                    <a:gd name="T23" fmla="*/ 127 h 640"/>
                    <a:gd name="T24" fmla="*/ 12 w 41"/>
                    <a:gd name="T25" fmla="*/ 89 h 640"/>
                    <a:gd name="T26" fmla="*/ 13 w 41"/>
                    <a:gd name="T27" fmla="*/ 75 h 640"/>
                    <a:gd name="T28" fmla="*/ 17 w 41"/>
                    <a:gd name="T29" fmla="*/ 49 h 640"/>
                    <a:gd name="T30" fmla="*/ 20 w 41"/>
                    <a:gd name="T31" fmla="*/ 31 h 640"/>
                    <a:gd name="T32" fmla="*/ 24 w 41"/>
                    <a:gd name="T33" fmla="*/ 16 h 640"/>
                    <a:gd name="T34" fmla="*/ 28 w 41"/>
                    <a:gd name="T35" fmla="*/ 3 h 640"/>
                    <a:gd name="T36" fmla="*/ 31 w 41"/>
                    <a:gd name="T37" fmla="*/ 0 h 640"/>
                    <a:gd name="T38" fmla="*/ 35 w 41"/>
                    <a:gd name="T39" fmla="*/ 0 h 640"/>
                    <a:gd name="T40" fmla="*/ 38 w 41"/>
                    <a:gd name="T41" fmla="*/ 5 h 640"/>
                    <a:gd name="T42" fmla="*/ 40 w 41"/>
                    <a:gd name="T43" fmla="*/ 10 h 6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41" h="640">
                      <a:moveTo>
                        <a:pt x="0" y="639"/>
                      </a:moveTo>
                      <a:lnTo>
                        <a:pt x="0" y="579"/>
                      </a:lnTo>
                      <a:lnTo>
                        <a:pt x="0" y="534"/>
                      </a:lnTo>
                      <a:lnTo>
                        <a:pt x="0" y="503"/>
                      </a:lnTo>
                      <a:lnTo>
                        <a:pt x="1" y="464"/>
                      </a:lnTo>
                      <a:lnTo>
                        <a:pt x="1" y="424"/>
                      </a:lnTo>
                      <a:lnTo>
                        <a:pt x="1" y="391"/>
                      </a:lnTo>
                      <a:lnTo>
                        <a:pt x="2" y="361"/>
                      </a:lnTo>
                      <a:lnTo>
                        <a:pt x="4" y="307"/>
                      </a:lnTo>
                      <a:lnTo>
                        <a:pt x="5" y="249"/>
                      </a:lnTo>
                      <a:lnTo>
                        <a:pt x="8" y="190"/>
                      </a:lnTo>
                      <a:lnTo>
                        <a:pt x="10" y="127"/>
                      </a:lnTo>
                      <a:lnTo>
                        <a:pt x="12" y="89"/>
                      </a:lnTo>
                      <a:lnTo>
                        <a:pt x="13" y="75"/>
                      </a:lnTo>
                      <a:lnTo>
                        <a:pt x="17" y="49"/>
                      </a:lnTo>
                      <a:lnTo>
                        <a:pt x="20" y="31"/>
                      </a:lnTo>
                      <a:lnTo>
                        <a:pt x="24" y="16"/>
                      </a:lnTo>
                      <a:lnTo>
                        <a:pt x="28" y="3"/>
                      </a:lnTo>
                      <a:lnTo>
                        <a:pt x="31" y="0"/>
                      </a:lnTo>
                      <a:lnTo>
                        <a:pt x="35" y="0"/>
                      </a:lnTo>
                      <a:lnTo>
                        <a:pt x="38" y="5"/>
                      </a:lnTo>
                      <a:lnTo>
                        <a:pt x="40" y="10"/>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99" name="Freeform 11"/>
                <p:cNvSpPr>
                  <a:spLocks/>
                </p:cNvSpPr>
                <p:nvPr/>
              </p:nvSpPr>
              <p:spPr bwMode="ltGray">
                <a:xfrm>
                  <a:off x="106" y="3013"/>
                  <a:ext cx="140" cy="1097"/>
                </a:xfrm>
                <a:custGeom>
                  <a:avLst/>
                  <a:gdLst>
                    <a:gd name="T0" fmla="*/ 139 w 140"/>
                    <a:gd name="T1" fmla="*/ 1096 h 1097"/>
                    <a:gd name="T2" fmla="*/ 135 w 140"/>
                    <a:gd name="T3" fmla="*/ 1009 h 1097"/>
                    <a:gd name="T4" fmla="*/ 90 w 140"/>
                    <a:gd name="T5" fmla="*/ 415 h 1097"/>
                    <a:gd name="T6" fmla="*/ 71 w 140"/>
                    <a:gd name="T7" fmla="*/ 230 h 1097"/>
                    <a:gd name="T8" fmla="*/ 66 w 140"/>
                    <a:gd name="T9" fmla="*/ 170 h 1097"/>
                    <a:gd name="T10" fmla="*/ 58 w 140"/>
                    <a:gd name="T11" fmla="*/ 100 h 1097"/>
                    <a:gd name="T12" fmla="*/ 50 w 140"/>
                    <a:gd name="T13" fmla="*/ 47 h 1097"/>
                    <a:gd name="T14" fmla="*/ 41 w 140"/>
                    <a:gd name="T15" fmla="*/ 19 h 1097"/>
                    <a:gd name="T16" fmla="*/ 32 w 140"/>
                    <a:gd name="T17" fmla="*/ 1 h 1097"/>
                    <a:gd name="T18" fmla="*/ 21 w 140"/>
                    <a:gd name="T19" fmla="*/ 0 h 1097"/>
                    <a:gd name="T20" fmla="*/ 14 w 140"/>
                    <a:gd name="T21" fmla="*/ 21 h 1097"/>
                    <a:gd name="T22" fmla="*/ 0 w 140"/>
                    <a:gd name="T23" fmla="*/ 122 h 109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0" h="1097">
                      <a:moveTo>
                        <a:pt x="139" y="1096"/>
                      </a:moveTo>
                      <a:lnTo>
                        <a:pt x="135" y="1009"/>
                      </a:lnTo>
                      <a:lnTo>
                        <a:pt x="90" y="415"/>
                      </a:lnTo>
                      <a:lnTo>
                        <a:pt x="71" y="230"/>
                      </a:lnTo>
                      <a:lnTo>
                        <a:pt x="66" y="170"/>
                      </a:lnTo>
                      <a:lnTo>
                        <a:pt x="58" y="100"/>
                      </a:lnTo>
                      <a:lnTo>
                        <a:pt x="50" y="47"/>
                      </a:lnTo>
                      <a:lnTo>
                        <a:pt x="41" y="19"/>
                      </a:lnTo>
                      <a:lnTo>
                        <a:pt x="32" y="1"/>
                      </a:lnTo>
                      <a:lnTo>
                        <a:pt x="21" y="0"/>
                      </a:lnTo>
                      <a:lnTo>
                        <a:pt x="14" y="21"/>
                      </a:lnTo>
                      <a:lnTo>
                        <a:pt x="0" y="122"/>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100" name="Group 16"/>
                <p:cNvGrpSpPr>
                  <a:grpSpLocks/>
                </p:cNvGrpSpPr>
                <p:nvPr/>
              </p:nvGrpSpPr>
              <p:grpSpPr bwMode="auto">
                <a:xfrm>
                  <a:off x="193" y="2703"/>
                  <a:ext cx="152" cy="1529"/>
                  <a:chOff x="193" y="2703"/>
                  <a:chExt cx="152" cy="1529"/>
                </a:xfrm>
              </p:grpSpPr>
              <p:sp>
                <p:nvSpPr>
                  <p:cNvPr id="112" name="Freeform 12"/>
                  <p:cNvSpPr>
                    <a:spLocks/>
                  </p:cNvSpPr>
                  <p:nvPr/>
                </p:nvSpPr>
                <p:spPr bwMode="ltGray">
                  <a:xfrm>
                    <a:off x="193" y="3846"/>
                    <a:ext cx="92" cy="386"/>
                  </a:xfrm>
                  <a:custGeom>
                    <a:avLst/>
                    <a:gdLst>
                      <a:gd name="T0" fmla="*/ 91 w 92"/>
                      <a:gd name="T1" fmla="*/ 385 h 386"/>
                      <a:gd name="T2" fmla="*/ 77 w 92"/>
                      <a:gd name="T3" fmla="*/ 347 h 386"/>
                      <a:gd name="T4" fmla="*/ 72 w 92"/>
                      <a:gd name="T5" fmla="*/ 325 h 386"/>
                      <a:gd name="T6" fmla="*/ 69 w 92"/>
                      <a:gd name="T7" fmla="*/ 306 h 386"/>
                      <a:gd name="T8" fmla="*/ 48 w 92"/>
                      <a:gd name="T9" fmla="*/ 129 h 386"/>
                      <a:gd name="T10" fmla="*/ 37 w 92"/>
                      <a:gd name="T11" fmla="*/ 73 h 386"/>
                      <a:gd name="T12" fmla="*/ 29 w 92"/>
                      <a:gd name="T13" fmla="*/ 37 h 386"/>
                      <a:gd name="T14" fmla="*/ 23 w 92"/>
                      <a:gd name="T15" fmla="*/ 18 h 386"/>
                      <a:gd name="T16" fmla="*/ 15 w 92"/>
                      <a:gd name="T17" fmla="*/ 5 h 386"/>
                      <a:gd name="T18" fmla="*/ 8 w 92"/>
                      <a:gd name="T19" fmla="*/ 0 h 386"/>
                      <a:gd name="T20" fmla="*/ 2 w 92"/>
                      <a:gd name="T21" fmla="*/ 3 h 386"/>
                      <a:gd name="T22" fmla="*/ 0 w 92"/>
                      <a:gd name="T23" fmla="*/ 25 h 3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92" h="386">
                        <a:moveTo>
                          <a:pt x="91" y="385"/>
                        </a:moveTo>
                        <a:lnTo>
                          <a:pt x="77" y="347"/>
                        </a:lnTo>
                        <a:lnTo>
                          <a:pt x="72" y="325"/>
                        </a:lnTo>
                        <a:lnTo>
                          <a:pt x="69" y="306"/>
                        </a:lnTo>
                        <a:lnTo>
                          <a:pt x="48" y="129"/>
                        </a:lnTo>
                        <a:lnTo>
                          <a:pt x="37" y="73"/>
                        </a:lnTo>
                        <a:lnTo>
                          <a:pt x="29" y="37"/>
                        </a:lnTo>
                        <a:lnTo>
                          <a:pt x="23" y="18"/>
                        </a:lnTo>
                        <a:lnTo>
                          <a:pt x="15" y="5"/>
                        </a:lnTo>
                        <a:lnTo>
                          <a:pt x="8" y="0"/>
                        </a:lnTo>
                        <a:lnTo>
                          <a:pt x="2" y="3"/>
                        </a:lnTo>
                        <a:lnTo>
                          <a:pt x="0" y="25"/>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3" name="Freeform 13"/>
                  <p:cNvSpPr>
                    <a:spLocks/>
                  </p:cNvSpPr>
                  <p:nvPr/>
                </p:nvSpPr>
                <p:spPr bwMode="ltGray">
                  <a:xfrm>
                    <a:off x="215" y="2703"/>
                    <a:ext cx="130" cy="1413"/>
                  </a:xfrm>
                  <a:custGeom>
                    <a:avLst/>
                    <a:gdLst>
                      <a:gd name="T0" fmla="*/ 0 w 130"/>
                      <a:gd name="T1" fmla="*/ 1412 h 1413"/>
                      <a:gd name="T2" fmla="*/ 45 w 130"/>
                      <a:gd name="T3" fmla="*/ 888 h 1413"/>
                      <a:gd name="T4" fmla="*/ 50 w 130"/>
                      <a:gd name="T5" fmla="*/ 804 h 1413"/>
                      <a:gd name="T6" fmla="*/ 62 w 130"/>
                      <a:gd name="T7" fmla="*/ 668 h 1413"/>
                      <a:gd name="T8" fmla="*/ 73 w 130"/>
                      <a:gd name="T9" fmla="*/ 526 h 1413"/>
                      <a:gd name="T10" fmla="*/ 79 w 130"/>
                      <a:gd name="T11" fmla="*/ 450 h 1413"/>
                      <a:gd name="T12" fmla="*/ 82 w 130"/>
                      <a:gd name="T13" fmla="*/ 368 h 1413"/>
                      <a:gd name="T14" fmla="*/ 85 w 130"/>
                      <a:gd name="T15" fmla="*/ 291 h 1413"/>
                      <a:gd name="T16" fmla="*/ 93 w 130"/>
                      <a:gd name="T17" fmla="*/ 202 h 1413"/>
                      <a:gd name="T18" fmla="*/ 100 w 130"/>
                      <a:gd name="T19" fmla="*/ 120 h 1413"/>
                      <a:gd name="T20" fmla="*/ 110 w 130"/>
                      <a:gd name="T21" fmla="*/ 48 h 1413"/>
                      <a:gd name="T22" fmla="*/ 117 w 130"/>
                      <a:gd name="T23" fmla="*/ 3 h 1413"/>
                      <a:gd name="T24" fmla="*/ 122 w 130"/>
                      <a:gd name="T25" fmla="*/ 0 h 1413"/>
                      <a:gd name="T26" fmla="*/ 126 w 130"/>
                      <a:gd name="T27" fmla="*/ 23 h 1413"/>
                      <a:gd name="T28" fmla="*/ 129 w 130"/>
                      <a:gd name="T29" fmla="*/ 102 h 141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130" h="1413">
                        <a:moveTo>
                          <a:pt x="0" y="1412"/>
                        </a:moveTo>
                        <a:lnTo>
                          <a:pt x="45" y="888"/>
                        </a:lnTo>
                        <a:lnTo>
                          <a:pt x="50" y="804"/>
                        </a:lnTo>
                        <a:lnTo>
                          <a:pt x="62" y="668"/>
                        </a:lnTo>
                        <a:lnTo>
                          <a:pt x="73" y="526"/>
                        </a:lnTo>
                        <a:lnTo>
                          <a:pt x="79" y="450"/>
                        </a:lnTo>
                        <a:lnTo>
                          <a:pt x="82" y="368"/>
                        </a:lnTo>
                        <a:lnTo>
                          <a:pt x="85" y="291"/>
                        </a:lnTo>
                        <a:lnTo>
                          <a:pt x="93" y="202"/>
                        </a:lnTo>
                        <a:lnTo>
                          <a:pt x="100" y="120"/>
                        </a:lnTo>
                        <a:lnTo>
                          <a:pt x="110" y="48"/>
                        </a:lnTo>
                        <a:lnTo>
                          <a:pt x="117" y="3"/>
                        </a:lnTo>
                        <a:lnTo>
                          <a:pt x="122" y="0"/>
                        </a:lnTo>
                        <a:lnTo>
                          <a:pt x="126" y="23"/>
                        </a:lnTo>
                        <a:lnTo>
                          <a:pt x="129" y="102"/>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4" name="Freeform 14"/>
                  <p:cNvSpPr>
                    <a:spLocks/>
                  </p:cNvSpPr>
                  <p:nvPr/>
                </p:nvSpPr>
                <p:spPr bwMode="ltGray">
                  <a:xfrm>
                    <a:off x="237" y="3336"/>
                    <a:ext cx="106" cy="522"/>
                  </a:xfrm>
                  <a:custGeom>
                    <a:avLst/>
                    <a:gdLst>
                      <a:gd name="T0" fmla="*/ 0 w 106"/>
                      <a:gd name="T1" fmla="*/ 521 h 522"/>
                      <a:gd name="T2" fmla="*/ 20 w 106"/>
                      <a:gd name="T3" fmla="*/ 408 h 522"/>
                      <a:gd name="T4" fmla="*/ 32 w 106"/>
                      <a:gd name="T5" fmla="*/ 278 h 522"/>
                      <a:gd name="T6" fmla="*/ 38 w 106"/>
                      <a:gd name="T7" fmla="*/ 220 h 522"/>
                      <a:gd name="T8" fmla="*/ 47 w 106"/>
                      <a:gd name="T9" fmla="*/ 153 h 522"/>
                      <a:gd name="T10" fmla="*/ 59 w 106"/>
                      <a:gd name="T11" fmla="*/ 84 h 522"/>
                      <a:gd name="T12" fmla="*/ 69 w 106"/>
                      <a:gd name="T13" fmla="*/ 40 h 522"/>
                      <a:gd name="T14" fmla="*/ 75 w 106"/>
                      <a:gd name="T15" fmla="*/ 19 h 522"/>
                      <a:gd name="T16" fmla="*/ 84 w 106"/>
                      <a:gd name="T17" fmla="*/ 3 h 522"/>
                      <a:gd name="T18" fmla="*/ 96 w 106"/>
                      <a:gd name="T19" fmla="*/ 0 h 522"/>
                      <a:gd name="T20" fmla="*/ 101 w 106"/>
                      <a:gd name="T21" fmla="*/ 11 h 522"/>
                      <a:gd name="T22" fmla="*/ 105 w 106"/>
                      <a:gd name="T23" fmla="*/ 46 h 5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6" h="522">
                        <a:moveTo>
                          <a:pt x="0" y="521"/>
                        </a:moveTo>
                        <a:lnTo>
                          <a:pt x="20" y="408"/>
                        </a:lnTo>
                        <a:lnTo>
                          <a:pt x="32" y="278"/>
                        </a:lnTo>
                        <a:lnTo>
                          <a:pt x="38" y="220"/>
                        </a:lnTo>
                        <a:lnTo>
                          <a:pt x="47" y="153"/>
                        </a:lnTo>
                        <a:lnTo>
                          <a:pt x="59" y="84"/>
                        </a:lnTo>
                        <a:lnTo>
                          <a:pt x="69" y="40"/>
                        </a:lnTo>
                        <a:lnTo>
                          <a:pt x="75" y="19"/>
                        </a:lnTo>
                        <a:lnTo>
                          <a:pt x="84" y="3"/>
                        </a:lnTo>
                        <a:lnTo>
                          <a:pt x="96" y="0"/>
                        </a:lnTo>
                        <a:lnTo>
                          <a:pt x="101" y="11"/>
                        </a:lnTo>
                        <a:lnTo>
                          <a:pt x="105" y="46"/>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5" name="Freeform 15"/>
                  <p:cNvSpPr>
                    <a:spLocks/>
                  </p:cNvSpPr>
                  <p:nvPr/>
                </p:nvSpPr>
                <p:spPr bwMode="ltGray">
                  <a:xfrm>
                    <a:off x="194" y="3521"/>
                    <a:ext cx="48" cy="255"/>
                  </a:xfrm>
                  <a:custGeom>
                    <a:avLst/>
                    <a:gdLst>
                      <a:gd name="T0" fmla="*/ 0 w 48"/>
                      <a:gd name="T1" fmla="*/ 0 h 255"/>
                      <a:gd name="T2" fmla="*/ 7 w 48"/>
                      <a:gd name="T3" fmla="*/ 16 h 255"/>
                      <a:gd name="T4" fmla="*/ 18 w 48"/>
                      <a:gd name="T5" fmla="*/ 34 h 255"/>
                      <a:gd name="T6" fmla="*/ 26 w 48"/>
                      <a:gd name="T7" fmla="*/ 70 h 255"/>
                      <a:gd name="T8" fmla="*/ 33 w 48"/>
                      <a:gd name="T9" fmla="*/ 101 h 255"/>
                      <a:gd name="T10" fmla="*/ 40 w 48"/>
                      <a:gd name="T11" fmla="*/ 132 h 255"/>
                      <a:gd name="T12" fmla="*/ 43 w 48"/>
                      <a:gd name="T13" fmla="*/ 158 h 255"/>
                      <a:gd name="T14" fmla="*/ 45 w 48"/>
                      <a:gd name="T15" fmla="*/ 184 h 255"/>
                      <a:gd name="T16" fmla="*/ 47 w 48"/>
                      <a:gd name="T17" fmla="*/ 219 h 255"/>
                      <a:gd name="T18" fmla="*/ 47 w 48"/>
                      <a:gd name="T19" fmla="*/ 254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48" h="255">
                        <a:moveTo>
                          <a:pt x="0" y="0"/>
                        </a:moveTo>
                        <a:lnTo>
                          <a:pt x="7" y="16"/>
                        </a:lnTo>
                        <a:lnTo>
                          <a:pt x="18" y="34"/>
                        </a:lnTo>
                        <a:lnTo>
                          <a:pt x="26" y="70"/>
                        </a:lnTo>
                        <a:lnTo>
                          <a:pt x="33" y="101"/>
                        </a:lnTo>
                        <a:lnTo>
                          <a:pt x="40" y="132"/>
                        </a:lnTo>
                        <a:lnTo>
                          <a:pt x="43" y="158"/>
                        </a:lnTo>
                        <a:lnTo>
                          <a:pt x="45" y="184"/>
                        </a:lnTo>
                        <a:lnTo>
                          <a:pt x="47" y="219"/>
                        </a:lnTo>
                        <a:lnTo>
                          <a:pt x="47" y="254"/>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101" name="Freeform 17"/>
                <p:cNvSpPr>
                  <a:spLocks/>
                </p:cNvSpPr>
                <p:nvPr/>
              </p:nvSpPr>
              <p:spPr bwMode="ltGray">
                <a:xfrm>
                  <a:off x="782" y="4015"/>
                  <a:ext cx="164" cy="130"/>
                </a:xfrm>
                <a:custGeom>
                  <a:avLst/>
                  <a:gdLst>
                    <a:gd name="T0" fmla="*/ 163 w 164"/>
                    <a:gd name="T1" fmla="*/ 129 h 130"/>
                    <a:gd name="T2" fmla="*/ 138 w 164"/>
                    <a:gd name="T3" fmla="*/ 116 h 130"/>
                    <a:gd name="T4" fmla="*/ 129 w 164"/>
                    <a:gd name="T5" fmla="*/ 109 h 130"/>
                    <a:gd name="T6" fmla="*/ 123 w 164"/>
                    <a:gd name="T7" fmla="*/ 103 h 130"/>
                    <a:gd name="T8" fmla="*/ 86 w 164"/>
                    <a:gd name="T9" fmla="*/ 43 h 130"/>
                    <a:gd name="T10" fmla="*/ 67 w 164"/>
                    <a:gd name="T11" fmla="*/ 24 h 130"/>
                    <a:gd name="T12" fmla="*/ 52 w 164"/>
                    <a:gd name="T13" fmla="*/ 12 h 130"/>
                    <a:gd name="T14" fmla="*/ 41 w 164"/>
                    <a:gd name="T15" fmla="*/ 6 h 130"/>
                    <a:gd name="T16" fmla="*/ 27 w 164"/>
                    <a:gd name="T17" fmla="*/ 2 h 130"/>
                    <a:gd name="T18" fmla="*/ 14 w 164"/>
                    <a:gd name="T19" fmla="*/ 0 h 130"/>
                    <a:gd name="T20" fmla="*/ 5 w 164"/>
                    <a:gd name="T21" fmla="*/ 0 h 130"/>
                    <a:gd name="T22" fmla="*/ 0 w 164"/>
                    <a:gd name="T23" fmla="*/ 8 h 1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64" h="130">
                      <a:moveTo>
                        <a:pt x="163" y="129"/>
                      </a:moveTo>
                      <a:lnTo>
                        <a:pt x="138" y="116"/>
                      </a:lnTo>
                      <a:lnTo>
                        <a:pt x="129" y="109"/>
                      </a:lnTo>
                      <a:lnTo>
                        <a:pt x="123" y="103"/>
                      </a:lnTo>
                      <a:lnTo>
                        <a:pt x="86" y="43"/>
                      </a:lnTo>
                      <a:lnTo>
                        <a:pt x="67" y="24"/>
                      </a:lnTo>
                      <a:lnTo>
                        <a:pt x="52" y="12"/>
                      </a:lnTo>
                      <a:lnTo>
                        <a:pt x="41" y="6"/>
                      </a:lnTo>
                      <a:lnTo>
                        <a:pt x="27" y="2"/>
                      </a:lnTo>
                      <a:lnTo>
                        <a:pt x="14" y="0"/>
                      </a:lnTo>
                      <a:lnTo>
                        <a:pt x="5" y="0"/>
                      </a:lnTo>
                      <a:lnTo>
                        <a:pt x="0" y="8"/>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2" name="Freeform 18"/>
                <p:cNvSpPr>
                  <a:spLocks/>
                </p:cNvSpPr>
                <p:nvPr/>
              </p:nvSpPr>
              <p:spPr bwMode="ltGray">
                <a:xfrm>
                  <a:off x="1275" y="3966"/>
                  <a:ext cx="218" cy="140"/>
                </a:xfrm>
                <a:custGeom>
                  <a:avLst/>
                  <a:gdLst>
                    <a:gd name="T0" fmla="*/ 0 w 218"/>
                    <a:gd name="T1" fmla="*/ 139 h 140"/>
                    <a:gd name="T2" fmla="*/ 32 w 218"/>
                    <a:gd name="T3" fmla="*/ 108 h 140"/>
                    <a:gd name="T4" fmla="*/ 59 w 218"/>
                    <a:gd name="T5" fmla="*/ 73 h 140"/>
                    <a:gd name="T6" fmla="*/ 73 w 218"/>
                    <a:gd name="T7" fmla="*/ 58 h 140"/>
                    <a:gd name="T8" fmla="*/ 93 w 218"/>
                    <a:gd name="T9" fmla="*/ 41 h 140"/>
                    <a:gd name="T10" fmla="*/ 119 w 218"/>
                    <a:gd name="T11" fmla="*/ 23 h 140"/>
                    <a:gd name="T12" fmla="*/ 139 w 218"/>
                    <a:gd name="T13" fmla="*/ 11 h 140"/>
                    <a:gd name="T14" fmla="*/ 153 w 218"/>
                    <a:gd name="T15" fmla="*/ 5 h 140"/>
                    <a:gd name="T16" fmla="*/ 173 w 218"/>
                    <a:gd name="T17" fmla="*/ 1 h 140"/>
                    <a:gd name="T18" fmla="*/ 196 w 218"/>
                    <a:gd name="T19" fmla="*/ 0 h 140"/>
                    <a:gd name="T20" fmla="*/ 206 w 218"/>
                    <a:gd name="T21" fmla="*/ 3 h 140"/>
                    <a:gd name="T22" fmla="*/ 217 w 218"/>
                    <a:gd name="T23" fmla="*/ 13 h 1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18" h="140">
                      <a:moveTo>
                        <a:pt x="0" y="139"/>
                      </a:moveTo>
                      <a:lnTo>
                        <a:pt x="32" y="108"/>
                      </a:lnTo>
                      <a:lnTo>
                        <a:pt x="59" y="73"/>
                      </a:lnTo>
                      <a:lnTo>
                        <a:pt x="73" y="58"/>
                      </a:lnTo>
                      <a:lnTo>
                        <a:pt x="93" y="41"/>
                      </a:lnTo>
                      <a:lnTo>
                        <a:pt x="119" y="23"/>
                      </a:lnTo>
                      <a:lnTo>
                        <a:pt x="139" y="11"/>
                      </a:lnTo>
                      <a:lnTo>
                        <a:pt x="153" y="5"/>
                      </a:lnTo>
                      <a:lnTo>
                        <a:pt x="173" y="1"/>
                      </a:lnTo>
                      <a:lnTo>
                        <a:pt x="196" y="0"/>
                      </a:lnTo>
                      <a:lnTo>
                        <a:pt x="206" y="3"/>
                      </a:lnTo>
                      <a:lnTo>
                        <a:pt x="217" y="13"/>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3" name="Freeform 19"/>
                <p:cNvSpPr>
                  <a:spLocks/>
                </p:cNvSpPr>
                <p:nvPr/>
              </p:nvSpPr>
              <p:spPr bwMode="ltGray">
                <a:xfrm>
                  <a:off x="1268" y="3802"/>
                  <a:ext cx="150" cy="345"/>
                </a:xfrm>
                <a:custGeom>
                  <a:avLst/>
                  <a:gdLst>
                    <a:gd name="T0" fmla="*/ 0 w 150"/>
                    <a:gd name="T1" fmla="*/ 344 h 345"/>
                    <a:gd name="T2" fmla="*/ 0 w 150"/>
                    <a:gd name="T3" fmla="*/ 311 h 345"/>
                    <a:gd name="T4" fmla="*/ 0 w 150"/>
                    <a:gd name="T5" fmla="*/ 287 h 345"/>
                    <a:gd name="T6" fmla="*/ 3 w 150"/>
                    <a:gd name="T7" fmla="*/ 270 h 345"/>
                    <a:gd name="T8" fmla="*/ 5 w 150"/>
                    <a:gd name="T9" fmla="*/ 249 h 345"/>
                    <a:gd name="T10" fmla="*/ 5 w 150"/>
                    <a:gd name="T11" fmla="*/ 228 h 345"/>
                    <a:gd name="T12" fmla="*/ 5 w 150"/>
                    <a:gd name="T13" fmla="*/ 211 h 345"/>
                    <a:gd name="T14" fmla="*/ 10 w 150"/>
                    <a:gd name="T15" fmla="*/ 194 h 345"/>
                    <a:gd name="T16" fmla="*/ 14 w 150"/>
                    <a:gd name="T17" fmla="*/ 165 h 345"/>
                    <a:gd name="T18" fmla="*/ 22 w 150"/>
                    <a:gd name="T19" fmla="*/ 134 h 345"/>
                    <a:gd name="T20" fmla="*/ 31 w 150"/>
                    <a:gd name="T21" fmla="*/ 102 h 345"/>
                    <a:gd name="T22" fmla="*/ 38 w 150"/>
                    <a:gd name="T23" fmla="*/ 68 h 345"/>
                    <a:gd name="T24" fmla="*/ 45 w 150"/>
                    <a:gd name="T25" fmla="*/ 48 h 345"/>
                    <a:gd name="T26" fmla="*/ 50 w 150"/>
                    <a:gd name="T27" fmla="*/ 40 h 345"/>
                    <a:gd name="T28" fmla="*/ 64 w 150"/>
                    <a:gd name="T29" fmla="*/ 27 h 345"/>
                    <a:gd name="T30" fmla="*/ 77 w 150"/>
                    <a:gd name="T31" fmla="*/ 16 h 345"/>
                    <a:gd name="T32" fmla="*/ 91 w 150"/>
                    <a:gd name="T33" fmla="*/ 8 h 345"/>
                    <a:gd name="T34" fmla="*/ 106 w 150"/>
                    <a:gd name="T35" fmla="*/ 2 h 345"/>
                    <a:gd name="T36" fmla="*/ 117 w 150"/>
                    <a:gd name="T37" fmla="*/ 0 h 345"/>
                    <a:gd name="T38" fmla="*/ 131 w 150"/>
                    <a:gd name="T39" fmla="*/ 0 h 345"/>
                    <a:gd name="T40" fmla="*/ 143 w 150"/>
                    <a:gd name="T41" fmla="*/ 2 h 345"/>
                    <a:gd name="T42" fmla="*/ 149 w 150"/>
                    <a:gd name="T43" fmla="*/ 5 h 34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0" h="345">
                      <a:moveTo>
                        <a:pt x="0" y="344"/>
                      </a:moveTo>
                      <a:lnTo>
                        <a:pt x="0" y="311"/>
                      </a:lnTo>
                      <a:lnTo>
                        <a:pt x="0" y="287"/>
                      </a:lnTo>
                      <a:lnTo>
                        <a:pt x="3" y="270"/>
                      </a:lnTo>
                      <a:lnTo>
                        <a:pt x="5" y="249"/>
                      </a:lnTo>
                      <a:lnTo>
                        <a:pt x="5" y="228"/>
                      </a:lnTo>
                      <a:lnTo>
                        <a:pt x="5" y="211"/>
                      </a:lnTo>
                      <a:lnTo>
                        <a:pt x="10" y="194"/>
                      </a:lnTo>
                      <a:lnTo>
                        <a:pt x="14" y="165"/>
                      </a:lnTo>
                      <a:lnTo>
                        <a:pt x="22" y="134"/>
                      </a:lnTo>
                      <a:lnTo>
                        <a:pt x="31" y="102"/>
                      </a:lnTo>
                      <a:lnTo>
                        <a:pt x="38" y="68"/>
                      </a:lnTo>
                      <a:lnTo>
                        <a:pt x="45" y="48"/>
                      </a:lnTo>
                      <a:lnTo>
                        <a:pt x="50" y="40"/>
                      </a:lnTo>
                      <a:lnTo>
                        <a:pt x="64" y="27"/>
                      </a:lnTo>
                      <a:lnTo>
                        <a:pt x="77" y="16"/>
                      </a:lnTo>
                      <a:lnTo>
                        <a:pt x="91" y="8"/>
                      </a:lnTo>
                      <a:lnTo>
                        <a:pt x="106" y="2"/>
                      </a:lnTo>
                      <a:lnTo>
                        <a:pt x="117" y="0"/>
                      </a:lnTo>
                      <a:lnTo>
                        <a:pt x="131" y="0"/>
                      </a:lnTo>
                      <a:lnTo>
                        <a:pt x="143" y="2"/>
                      </a:lnTo>
                      <a:lnTo>
                        <a:pt x="149" y="5"/>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4" name="Freeform 20"/>
                <p:cNvSpPr>
                  <a:spLocks/>
                </p:cNvSpPr>
                <p:nvPr/>
              </p:nvSpPr>
              <p:spPr bwMode="ltGray">
                <a:xfrm>
                  <a:off x="707" y="3886"/>
                  <a:ext cx="261" cy="312"/>
                </a:xfrm>
                <a:custGeom>
                  <a:avLst/>
                  <a:gdLst>
                    <a:gd name="T0" fmla="*/ 260 w 261"/>
                    <a:gd name="T1" fmla="*/ 311 h 312"/>
                    <a:gd name="T2" fmla="*/ 252 w 261"/>
                    <a:gd name="T3" fmla="*/ 286 h 312"/>
                    <a:gd name="T4" fmla="*/ 171 w 261"/>
                    <a:gd name="T5" fmla="*/ 117 h 312"/>
                    <a:gd name="T6" fmla="*/ 134 w 261"/>
                    <a:gd name="T7" fmla="*/ 65 h 312"/>
                    <a:gd name="T8" fmla="*/ 124 w 261"/>
                    <a:gd name="T9" fmla="*/ 48 h 312"/>
                    <a:gd name="T10" fmla="*/ 109 w 261"/>
                    <a:gd name="T11" fmla="*/ 28 h 312"/>
                    <a:gd name="T12" fmla="*/ 94 w 261"/>
                    <a:gd name="T13" fmla="*/ 13 h 312"/>
                    <a:gd name="T14" fmla="*/ 78 w 261"/>
                    <a:gd name="T15" fmla="*/ 5 h 312"/>
                    <a:gd name="T16" fmla="*/ 59 w 261"/>
                    <a:gd name="T17" fmla="*/ 0 h 312"/>
                    <a:gd name="T18" fmla="*/ 40 w 261"/>
                    <a:gd name="T19" fmla="*/ 0 h 312"/>
                    <a:gd name="T20" fmla="*/ 27 w 261"/>
                    <a:gd name="T21" fmla="*/ 5 h 312"/>
                    <a:gd name="T22" fmla="*/ 0 w 261"/>
                    <a:gd name="T23" fmla="*/ 35 h 31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61" h="312">
                      <a:moveTo>
                        <a:pt x="260" y="311"/>
                      </a:moveTo>
                      <a:lnTo>
                        <a:pt x="252" y="286"/>
                      </a:lnTo>
                      <a:lnTo>
                        <a:pt x="171" y="117"/>
                      </a:lnTo>
                      <a:lnTo>
                        <a:pt x="134" y="65"/>
                      </a:lnTo>
                      <a:lnTo>
                        <a:pt x="124" y="48"/>
                      </a:lnTo>
                      <a:lnTo>
                        <a:pt x="109" y="28"/>
                      </a:lnTo>
                      <a:lnTo>
                        <a:pt x="94" y="13"/>
                      </a:lnTo>
                      <a:lnTo>
                        <a:pt x="78" y="5"/>
                      </a:lnTo>
                      <a:lnTo>
                        <a:pt x="59" y="0"/>
                      </a:lnTo>
                      <a:lnTo>
                        <a:pt x="40" y="0"/>
                      </a:lnTo>
                      <a:lnTo>
                        <a:pt x="27" y="5"/>
                      </a:lnTo>
                      <a:lnTo>
                        <a:pt x="0" y="35"/>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5" name="Freeform 21"/>
                <p:cNvSpPr>
                  <a:spLocks/>
                </p:cNvSpPr>
                <p:nvPr/>
              </p:nvSpPr>
              <p:spPr bwMode="ltGray">
                <a:xfrm>
                  <a:off x="1026" y="3664"/>
                  <a:ext cx="236" cy="479"/>
                </a:xfrm>
                <a:custGeom>
                  <a:avLst/>
                  <a:gdLst>
                    <a:gd name="T0" fmla="*/ 0 w 236"/>
                    <a:gd name="T1" fmla="*/ 478 h 479"/>
                    <a:gd name="T2" fmla="*/ 84 w 236"/>
                    <a:gd name="T3" fmla="*/ 300 h 479"/>
                    <a:gd name="T4" fmla="*/ 93 w 236"/>
                    <a:gd name="T5" fmla="*/ 272 h 479"/>
                    <a:gd name="T6" fmla="*/ 114 w 236"/>
                    <a:gd name="T7" fmla="*/ 226 h 479"/>
                    <a:gd name="T8" fmla="*/ 133 w 236"/>
                    <a:gd name="T9" fmla="*/ 178 h 479"/>
                    <a:gd name="T10" fmla="*/ 144 w 236"/>
                    <a:gd name="T11" fmla="*/ 152 h 479"/>
                    <a:gd name="T12" fmla="*/ 149 w 236"/>
                    <a:gd name="T13" fmla="*/ 124 h 479"/>
                    <a:gd name="T14" fmla="*/ 157 w 236"/>
                    <a:gd name="T15" fmla="*/ 98 h 479"/>
                    <a:gd name="T16" fmla="*/ 169 w 236"/>
                    <a:gd name="T17" fmla="*/ 68 h 479"/>
                    <a:gd name="T18" fmla="*/ 183 w 236"/>
                    <a:gd name="T19" fmla="*/ 40 h 479"/>
                    <a:gd name="T20" fmla="*/ 200 w 236"/>
                    <a:gd name="T21" fmla="*/ 16 h 479"/>
                    <a:gd name="T22" fmla="*/ 214 w 236"/>
                    <a:gd name="T23" fmla="*/ 1 h 479"/>
                    <a:gd name="T24" fmla="*/ 222 w 236"/>
                    <a:gd name="T25" fmla="*/ 0 h 479"/>
                    <a:gd name="T26" fmla="*/ 230 w 236"/>
                    <a:gd name="T27" fmla="*/ 8 h 479"/>
                    <a:gd name="T28" fmla="*/ 235 w 236"/>
                    <a:gd name="T29" fmla="*/ 34 h 47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36" h="479">
                      <a:moveTo>
                        <a:pt x="0" y="478"/>
                      </a:moveTo>
                      <a:lnTo>
                        <a:pt x="84" y="300"/>
                      </a:lnTo>
                      <a:lnTo>
                        <a:pt x="93" y="272"/>
                      </a:lnTo>
                      <a:lnTo>
                        <a:pt x="114" y="226"/>
                      </a:lnTo>
                      <a:lnTo>
                        <a:pt x="133" y="178"/>
                      </a:lnTo>
                      <a:lnTo>
                        <a:pt x="144" y="152"/>
                      </a:lnTo>
                      <a:lnTo>
                        <a:pt x="149" y="124"/>
                      </a:lnTo>
                      <a:lnTo>
                        <a:pt x="157" y="98"/>
                      </a:lnTo>
                      <a:lnTo>
                        <a:pt x="169" y="68"/>
                      </a:lnTo>
                      <a:lnTo>
                        <a:pt x="183" y="40"/>
                      </a:lnTo>
                      <a:lnTo>
                        <a:pt x="200" y="16"/>
                      </a:lnTo>
                      <a:lnTo>
                        <a:pt x="214" y="1"/>
                      </a:lnTo>
                      <a:lnTo>
                        <a:pt x="222" y="0"/>
                      </a:lnTo>
                      <a:lnTo>
                        <a:pt x="230" y="8"/>
                      </a:lnTo>
                      <a:lnTo>
                        <a:pt x="235" y="34"/>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6" name="Freeform 22"/>
                <p:cNvSpPr>
                  <a:spLocks/>
                </p:cNvSpPr>
                <p:nvPr/>
              </p:nvSpPr>
              <p:spPr bwMode="ltGray">
                <a:xfrm>
                  <a:off x="1067" y="3877"/>
                  <a:ext cx="189" cy="178"/>
                </a:xfrm>
                <a:custGeom>
                  <a:avLst/>
                  <a:gdLst>
                    <a:gd name="T0" fmla="*/ 0 w 189"/>
                    <a:gd name="T1" fmla="*/ 177 h 178"/>
                    <a:gd name="T2" fmla="*/ 35 w 189"/>
                    <a:gd name="T3" fmla="*/ 138 h 178"/>
                    <a:gd name="T4" fmla="*/ 57 w 189"/>
                    <a:gd name="T5" fmla="*/ 94 h 178"/>
                    <a:gd name="T6" fmla="*/ 70 w 189"/>
                    <a:gd name="T7" fmla="*/ 74 h 178"/>
                    <a:gd name="T8" fmla="*/ 86 w 189"/>
                    <a:gd name="T9" fmla="*/ 51 h 178"/>
                    <a:gd name="T10" fmla="*/ 107 w 189"/>
                    <a:gd name="T11" fmla="*/ 28 h 178"/>
                    <a:gd name="T12" fmla="*/ 123 w 189"/>
                    <a:gd name="T13" fmla="*/ 13 h 178"/>
                    <a:gd name="T14" fmla="*/ 136 w 189"/>
                    <a:gd name="T15" fmla="*/ 6 h 178"/>
                    <a:gd name="T16" fmla="*/ 152 w 189"/>
                    <a:gd name="T17" fmla="*/ 1 h 178"/>
                    <a:gd name="T18" fmla="*/ 171 w 189"/>
                    <a:gd name="T19" fmla="*/ 0 h 178"/>
                    <a:gd name="T20" fmla="*/ 179 w 189"/>
                    <a:gd name="T21" fmla="*/ 3 h 178"/>
                    <a:gd name="T22" fmla="*/ 188 w 189"/>
                    <a:gd name="T23" fmla="*/ 15 h 1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89" h="178">
                      <a:moveTo>
                        <a:pt x="0" y="177"/>
                      </a:moveTo>
                      <a:lnTo>
                        <a:pt x="35" y="138"/>
                      </a:lnTo>
                      <a:lnTo>
                        <a:pt x="57" y="94"/>
                      </a:lnTo>
                      <a:lnTo>
                        <a:pt x="70" y="74"/>
                      </a:lnTo>
                      <a:lnTo>
                        <a:pt x="86" y="51"/>
                      </a:lnTo>
                      <a:lnTo>
                        <a:pt x="107" y="28"/>
                      </a:lnTo>
                      <a:lnTo>
                        <a:pt x="123" y="13"/>
                      </a:lnTo>
                      <a:lnTo>
                        <a:pt x="136" y="6"/>
                      </a:lnTo>
                      <a:lnTo>
                        <a:pt x="152" y="1"/>
                      </a:lnTo>
                      <a:lnTo>
                        <a:pt x="171" y="0"/>
                      </a:lnTo>
                      <a:lnTo>
                        <a:pt x="179" y="3"/>
                      </a:lnTo>
                      <a:lnTo>
                        <a:pt x="188" y="15"/>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7" name="Freeform 23"/>
                <p:cNvSpPr>
                  <a:spLocks/>
                </p:cNvSpPr>
                <p:nvPr/>
              </p:nvSpPr>
              <p:spPr bwMode="ltGray">
                <a:xfrm>
                  <a:off x="988" y="3941"/>
                  <a:ext cx="91" cy="87"/>
                </a:xfrm>
                <a:custGeom>
                  <a:avLst/>
                  <a:gdLst>
                    <a:gd name="T0" fmla="*/ 0 w 91"/>
                    <a:gd name="T1" fmla="*/ 0 h 87"/>
                    <a:gd name="T2" fmla="*/ 15 w 91"/>
                    <a:gd name="T3" fmla="*/ 5 h 87"/>
                    <a:gd name="T4" fmla="*/ 33 w 91"/>
                    <a:gd name="T5" fmla="*/ 11 h 87"/>
                    <a:gd name="T6" fmla="*/ 50 w 91"/>
                    <a:gd name="T7" fmla="*/ 23 h 87"/>
                    <a:gd name="T8" fmla="*/ 65 w 91"/>
                    <a:gd name="T9" fmla="*/ 33 h 87"/>
                    <a:gd name="T10" fmla="*/ 77 w 91"/>
                    <a:gd name="T11" fmla="*/ 44 h 87"/>
                    <a:gd name="T12" fmla="*/ 84 w 91"/>
                    <a:gd name="T13" fmla="*/ 53 h 87"/>
                    <a:gd name="T14" fmla="*/ 87 w 91"/>
                    <a:gd name="T15" fmla="*/ 62 h 87"/>
                    <a:gd name="T16" fmla="*/ 90 w 91"/>
                    <a:gd name="T17" fmla="*/ 74 h 87"/>
                    <a:gd name="T18" fmla="*/ 90 w 91"/>
                    <a:gd name="T19" fmla="*/ 86 h 8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91" h="87">
                      <a:moveTo>
                        <a:pt x="0" y="0"/>
                      </a:moveTo>
                      <a:lnTo>
                        <a:pt x="15" y="5"/>
                      </a:lnTo>
                      <a:lnTo>
                        <a:pt x="33" y="11"/>
                      </a:lnTo>
                      <a:lnTo>
                        <a:pt x="50" y="23"/>
                      </a:lnTo>
                      <a:lnTo>
                        <a:pt x="65" y="33"/>
                      </a:lnTo>
                      <a:lnTo>
                        <a:pt x="77" y="44"/>
                      </a:lnTo>
                      <a:lnTo>
                        <a:pt x="84" y="53"/>
                      </a:lnTo>
                      <a:lnTo>
                        <a:pt x="87" y="62"/>
                      </a:lnTo>
                      <a:lnTo>
                        <a:pt x="90" y="74"/>
                      </a:lnTo>
                      <a:lnTo>
                        <a:pt x="90" y="86"/>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8" name="Freeform 24"/>
                <p:cNvSpPr>
                  <a:spLocks/>
                </p:cNvSpPr>
                <p:nvPr/>
              </p:nvSpPr>
              <p:spPr bwMode="ltGray">
                <a:xfrm>
                  <a:off x="460" y="3189"/>
                  <a:ext cx="227" cy="968"/>
                </a:xfrm>
                <a:custGeom>
                  <a:avLst/>
                  <a:gdLst>
                    <a:gd name="T0" fmla="*/ 0 w 227"/>
                    <a:gd name="T1" fmla="*/ 967 h 968"/>
                    <a:gd name="T2" fmla="*/ 80 w 227"/>
                    <a:gd name="T3" fmla="*/ 608 h 968"/>
                    <a:gd name="T4" fmla="*/ 89 w 227"/>
                    <a:gd name="T5" fmla="*/ 550 h 968"/>
                    <a:gd name="T6" fmla="*/ 109 w 227"/>
                    <a:gd name="T7" fmla="*/ 458 h 968"/>
                    <a:gd name="T8" fmla="*/ 128 w 227"/>
                    <a:gd name="T9" fmla="*/ 361 h 968"/>
                    <a:gd name="T10" fmla="*/ 138 w 227"/>
                    <a:gd name="T11" fmla="*/ 307 h 968"/>
                    <a:gd name="T12" fmla="*/ 143 w 227"/>
                    <a:gd name="T13" fmla="*/ 252 h 968"/>
                    <a:gd name="T14" fmla="*/ 151 w 227"/>
                    <a:gd name="T15" fmla="*/ 199 h 968"/>
                    <a:gd name="T16" fmla="*/ 163 w 227"/>
                    <a:gd name="T17" fmla="*/ 138 h 968"/>
                    <a:gd name="T18" fmla="*/ 175 w 227"/>
                    <a:gd name="T19" fmla="*/ 81 h 968"/>
                    <a:gd name="T20" fmla="*/ 192 w 227"/>
                    <a:gd name="T21" fmla="*/ 32 h 968"/>
                    <a:gd name="T22" fmla="*/ 206 w 227"/>
                    <a:gd name="T23" fmla="*/ 2 h 968"/>
                    <a:gd name="T24" fmla="*/ 214 w 227"/>
                    <a:gd name="T25" fmla="*/ 0 h 968"/>
                    <a:gd name="T26" fmla="*/ 221 w 227"/>
                    <a:gd name="T27" fmla="*/ 15 h 968"/>
                    <a:gd name="T28" fmla="*/ 226 w 227"/>
                    <a:gd name="T29" fmla="*/ 69 h 9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27" h="968">
                      <a:moveTo>
                        <a:pt x="0" y="967"/>
                      </a:moveTo>
                      <a:lnTo>
                        <a:pt x="80" y="608"/>
                      </a:lnTo>
                      <a:lnTo>
                        <a:pt x="89" y="550"/>
                      </a:lnTo>
                      <a:lnTo>
                        <a:pt x="109" y="458"/>
                      </a:lnTo>
                      <a:lnTo>
                        <a:pt x="128" y="361"/>
                      </a:lnTo>
                      <a:lnTo>
                        <a:pt x="138" y="307"/>
                      </a:lnTo>
                      <a:lnTo>
                        <a:pt x="143" y="252"/>
                      </a:lnTo>
                      <a:lnTo>
                        <a:pt x="151" y="199"/>
                      </a:lnTo>
                      <a:lnTo>
                        <a:pt x="163" y="138"/>
                      </a:lnTo>
                      <a:lnTo>
                        <a:pt x="175" y="81"/>
                      </a:lnTo>
                      <a:lnTo>
                        <a:pt x="192" y="32"/>
                      </a:lnTo>
                      <a:lnTo>
                        <a:pt x="206" y="2"/>
                      </a:lnTo>
                      <a:lnTo>
                        <a:pt x="214" y="0"/>
                      </a:lnTo>
                      <a:lnTo>
                        <a:pt x="221" y="15"/>
                      </a:lnTo>
                      <a:lnTo>
                        <a:pt x="226" y="69"/>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09" name="Freeform 25"/>
                <p:cNvSpPr>
                  <a:spLocks/>
                </p:cNvSpPr>
                <p:nvPr/>
              </p:nvSpPr>
              <p:spPr bwMode="ltGray">
                <a:xfrm>
                  <a:off x="501" y="3621"/>
                  <a:ext cx="179" cy="360"/>
                </a:xfrm>
                <a:custGeom>
                  <a:avLst/>
                  <a:gdLst>
                    <a:gd name="T0" fmla="*/ 0 w 179"/>
                    <a:gd name="T1" fmla="*/ 359 h 360"/>
                    <a:gd name="T2" fmla="*/ 33 w 179"/>
                    <a:gd name="T3" fmla="*/ 281 h 360"/>
                    <a:gd name="T4" fmla="*/ 54 w 179"/>
                    <a:gd name="T5" fmla="*/ 191 h 360"/>
                    <a:gd name="T6" fmla="*/ 65 w 179"/>
                    <a:gd name="T7" fmla="*/ 151 h 360"/>
                    <a:gd name="T8" fmla="*/ 81 w 179"/>
                    <a:gd name="T9" fmla="*/ 105 h 360"/>
                    <a:gd name="T10" fmla="*/ 101 w 179"/>
                    <a:gd name="T11" fmla="*/ 57 h 360"/>
                    <a:gd name="T12" fmla="*/ 117 w 179"/>
                    <a:gd name="T13" fmla="*/ 28 h 360"/>
                    <a:gd name="T14" fmla="*/ 128 w 179"/>
                    <a:gd name="T15" fmla="*/ 13 h 360"/>
                    <a:gd name="T16" fmla="*/ 144 w 179"/>
                    <a:gd name="T17" fmla="*/ 2 h 360"/>
                    <a:gd name="T18" fmla="*/ 162 w 179"/>
                    <a:gd name="T19" fmla="*/ 0 h 360"/>
                    <a:gd name="T20" fmla="*/ 169 w 179"/>
                    <a:gd name="T21" fmla="*/ 8 h 360"/>
                    <a:gd name="T22" fmla="*/ 178 w 179"/>
                    <a:gd name="T23" fmla="*/ 31 h 3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79" h="360">
                      <a:moveTo>
                        <a:pt x="0" y="359"/>
                      </a:moveTo>
                      <a:lnTo>
                        <a:pt x="33" y="281"/>
                      </a:lnTo>
                      <a:lnTo>
                        <a:pt x="54" y="191"/>
                      </a:lnTo>
                      <a:lnTo>
                        <a:pt x="65" y="151"/>
                      </a:lnTo>
                      <a:lnTo>
                        <a:pt x="81" y="105"/>
                      </a:lnTo>
                      <a:lnTo>
                        <a:pt x="101" y="57"/>
                      </a:lnTo>
                      <a:lnTo>
                        <a:pt x="117" y="28"/>
                      </a:lnTo>
                      <a:lnTo>
                        <a:pt x="128" y="13"/>
                      </a:lnTo>
                      <a:lnTo>
                        <a:pt x="144" y="2"/>
                      </a:lnTo>
                      <a:lnTo>
                        <a:pt x="162" y="0"/>
                      </a:lnTo>
                      <a:lnTo>
                        <a:pt x="169" y="8"/>
                      </a:lnTo>
                      <a:lnTo>
                        <a:pt x="178" y="31"/>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0" name="Freeform 26"/>
                <p:cNvSpPr>
                  <a:spLocks/>
                </p:cNvSpPr>
                <p:nvPr/>
              </p:nvSpPr>
              <p:spPr bwMode="ltGray">
                <a:xfrm>
                  <a:off x="425" y="3751"/>
                  <a:ext cx="88" cy="174"/>
                </a:xfrm>
                <a:custGeom>
                  <a:avLst/>
                  <a:gdLst>
                    <a:gd name="T0" fmla="*/ 0 w 88"/>
                    <a:gd name="T1" fmla="*/ 0 h 174"/>
                    <a:gd name="T2" fmla="*/ 14 w 88"/>
                    <a:gd name="T3" fmla="*/ 10 h 174"/>
                    <a:gd name="T4" fmla="*/ 32 w 88"/>
                    <a:gd name="T5" fmla="*/ 24 h 174"/>
                    <a:gd name="T6" fmla="*/ 48 w 88"/>
                    <a:gd name="T7" fmla="*/ 47 h 174"/>
                    <a:gd name="T8" fmla="*/ 62 w 88"/>
                    <a:gd name="T9" fmla="*/ 68 h 174"/>
                    <a:gd name="T10" fmla="*/ 75 w 88"/>
                    <a:gd name="T11" fmla="*/ 90 h 174"/>
                    <a:gd name="T12" fmla="*/ 81 w 88"/>
                    <a:gd name="T13" fmla="*/ 108 h 174"/>
                    <a:gd name="T14" fmla="*/ 84 w 88"/>
                    <a:gd name="T15" fmla="*/ 125 h 174"/>
                    <a:gd name="T16" fmla="*/ 87 w 88"/>
                    <a:gd name="T17" fmla="*/ 148 h 174"/>
                    <a:gd name="T18" fmla="*/ 87 w 88"/>
                    <a:gd name="T19" fmla="*/ 173 h 1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88" h="174">
                      <a:moveTo>
                        <a:pt x="0" y="0"/>
                      </a:moveTo>
                      <a:lnTo>
                        <a:pt x="14" y="10"/>
                      </a:lnTo>
                      <a:lnTo>
                        <a:pt x="32" y="24"/>
                      </a:lnTo>
                      <a:lnTo>
                        <a:pt x="48" y="47"/>
                      </a:lnTo>
                      <a:lnTo>
                        <a:pt x="62" y="68"/>
                      </a:lnTo>
                      <a:lnTo>
                        <a:pt x="75" y="90"/>
                      </a:lnTo>
                      <a:lnTo>
                        <a:pt x="81" y="108"/>
                      </a:lnTo>
                      <a:lnTo>
                        <a:pt x="84" y="125"/>
                      </a:lnTo>
                      <a:lnTo>
                        <a:pt x="87" y="148"/>
                      </a:lnTo>
                      <a:lnTo>
                        <a:pt x="87" y="173"/>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11" name="Freeform 27"/>
                <p:cNvSpPr>
                  <a:spLocks/>
                </p:cNvSpPr>
                <p:nvPr/>
              </p:nvSpPr>
              <p:spPr bwMode="ltGray">
                <a:xfrm>
                  <a:off x="915" y="3389"/>
                  <a:ext cx="123" cy="805"/>
                </a:xfrm>
                <a:custGeom>
                  <a:avLst/>
                  <a:gdLst>
                    <a:gd name="T0" fmla="*/ 121 w 123"/>
                    <a:gd name="T1" fmla="*/ 804 h 805"/>
                    <a:gd name="T2" fmla="*/ 122 w 123"/>
                    <a:gd name="T3" fmla="*/ 687 h 805"/>
                    <a:gd name="T4" fmla="*/ 122 w 123"/>
                    <a:gd name="T5" fmla="*/ 634 h 805"/>
                    <a:gd name="T6" fmla="*/ 119 w 123"/>
                    <a:gd name="T7" fmla="*/ 596 h 805"/>
                    <a:gd name="T8" fmla="*/ 117 w 123"/>
                    <a:gd name="T9" fmla="*/ 551 h 805"/>
                    <a:gd name="T10" fmla="*/ 118 w 123"/>
                    <a:gd name="T11" fmla="*/ 503 h 805"/>
                    <a:gd name="T12" fmla="*/ 116 w 123"/>
                    <a:gd name="T13" fmla="*/ 464 h 805"/>
                    <a:gd name="T14" fmla="*/ 114 w 123"/>
                    <a:gd name="T15" fmla="*/ 428 h 805"/>
                    <a:gd name="T16" fmla="*/ 109 w 123"/>
                    <a:gd name="T17" fmla="*/ 365 h 805"/>
                    <a:gd name="T18" fmla="*/ 103 w 123"/>
                    <a:gd name="T19" fmla="*/ 296 h 805"/>
                    <a:gd name="T20" fmla="*/ 96 w 123"/>
                    <a:gd name="T21" fmla="*/ 226 h 805"/>
                    <a:gd name="T22" fmla="*/ 90 w 123"/>
                    <a:gd name="T23" fmla="*/ 151 h 805"/>
                    <a:gd name="T24" fmla="*/ 84 w 123"/>
                    <a:gd name="T25" fmla="*/ 106 h 805"/>
                    <a:gd name="T26" fmla="*/ 80 w 123"/>
                    <a:gd name="T27" fmla="*/ 89 h 805"/>
                    <a:gd name="T28" fmla="*/ 68 w 123"/>
                    <a:gd name="T29" fmla="*/ 59 h 805"/>
                    <a:gd name="T30" fmla="*/ 58 w 123"/>
                    <a:gd name="T31" fmla="*/ 37 h 805"/>
                    <a:gd name="T32" fmla="*/ 47 w 123"/>
                    <a:gd name="T33" fmla="*/ 18 h 805"/>
                    <a:gd name="T34" fmla="*/ 34 w 123"/>
                    <a:gd name="T35" fmla="*/ 4 h 805"/>
                    <a:gd name="T36" fmla="*/ 26 w 123"/>
                    <a:gd name="T37" fmla="*/ 0 h 805"/>
                    <a:gd name="T38" fmla="*/ 14 w 123"/>
                    <a:gd name="T39" fmla="*/ 0 h 805"/>
                    <a:gd name="T40" fmla="*/ 5 w 123"/>
                    <a:gd name="T41" fmla="*/ 5 h 805"/>
                    <a:gd name="T42" fmla="*/ 0 w 123"/>
                    <a:gd name="T43" fmla="*/ 13 h 8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23" h="805">
                      <a:moveTo>
                        <a:pt x="121" y="804"/>
                      </a:moveTo>
                      <a:lnTo>
                        <a:pt x="122" y="687"/>
                      </a:lnTo>
                      <a:lnTo>
                        <a:pt x="122" y="634"/>
                      </a:lnTo>
                      <a:lnTo>
                        <a:pt x="119" y="596"/>
                      </a:lnTo>
                      <a:lnTo>
                        <a:pt x="117" y="551"/>
                      </a:lnTo>
                      <a:lnTo>
                        <a:pt x="118" y="503"/>
                      </a:lnTo>
                      <a:lnTo>
                        <a:pt x="116" y="464"/>
                      </a:lnTo>
                      <a:lnTo>
                        <a:pt x="114" y="428"/>
                      </a:lnTo>
                      <a:lnTo>
                        <a:pt x="109" y="365"/>
                      </a:lnTo>
                      <a:lnTo>
                        <a:pt x="103" y="296"/>
                      </a:lnTo>
                      <a:lnTo>
                        <a:pt x="96" y="226"/>
                      </a:lnTo>
                      <a:lnTo>
                        <a:pt x="90" y="151"/>
                      </a:lnTo>
                      <a:lnTo>
                        <a:pt x="84" y="106"/>
                      </a:lnTo>
                      <a:lnTo>
                        <a:pt x="80" y="89"/>
                      </a:lnTo>
                      <a:lnTo>
                        <a:pt x="68" y="59"/>
                      </a:lnTo>
                      <a:lnTo>
                        <a:pt x="58" y="37"/>
                      </a:lnTo>
                      <a:lnTo>
                        <a:pt x="47" y="18"/>
                      </a:lnTo>
                      <a:lnTo>
                        <a:pt x="34" y="4"/>
                      </a:lnTo>
                      <a:lnTo>
                        <a:pt x="26" y="0"/>
                      </a:lnTo>
                      <a:lnTo>
                        <a:pt x="14" y="0"/>
                      </a:lnTo>
                      <a:lnTo>
                        <a:pt x="5" y="5"/>
                      </a:lnTo>
                      <a:lnTo>
                        <a:pt x="0" y="13"/>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56" name="Freeform 29"/>
              <p:cNvSpPr>
                <a:spLocks/>
              </p:cNvSpPr>
              <p:nvPr/>
            </p:nvSpPr>
            <p:spPr bwMode="ltGray">
              <a:xfrm>
                <a:off x="324" y="3805"/>
                <a:ext cx="29" cy="224"/>
              </a:xfrm>
              <a:custGeom>
                <a:avLst/>
                <a:gdLst>
                  <a:gd name="T0" fmla="*/ 27 w 29"/>
                  <a:gd name="T1" fmla="*/ 35 h 224"/>
                  <a:gd name="T2" fmla="*/ 21 w 29"/>
                  <a:gd name="T3" fmla="*/ 0 h 224"/>
                  <a:gd name="T4" fmla="*/ 17 w 29"/>
                  <a:gd name="T5" fmla="*/ 0 h 224"/>
                  <a:gd name="T6" fmla="*/ 14 w 29"/>
                  <a:gd name="T7" fmla="*/ 2 h 224"/>
                  <a:gd name="T8" fmla="*/ 12 w 29"/>
                  <a:gd name="T9" fmla="*/ 11 h 224"/>
                  <a:gd name="T10" fmla="*/ 5 w 29"/>
                  <a:gd name="T11" fmla="*/ 40 h 224"/>
                  <a:gd name="T12" fmla="*/ 3 w 29"/>
                  <a:gd name="T13" fmla="*/ 53 h 224"/>
                  <a:gd name="T14" fmla="*/ 2 w 29"/>
                  <a:gd name="T15" fmla="*/ 66 h 224"/>
                  <a:gd name="T16" fmla="*/ 0 w 29"/>
                  <a:gd name="T17" fmla="*/ 104 h 224"/>
                  <a:gd name="T18" fmla="*/ 0 w 29"/>
                  <a:gd name="T19" fmla="*/ 116 h 224"/>
                  <a:gd name="T20" fmla="*/ 0 w 29"/>
                  <a:gd name="T21" fmla="*/ 130 h 224"/>
                  <a:gd name="T22" fmla="*/ 1 w 29"/>
                  <a:gd name="T23" fmla="*/ 146 h 224"/>
                  <a:gd name="T24" fmla="*/ 3 w 29"/>
                  <a:gd name="T25" fmla="*/ 169 h 224"/>
                  <a:gd name="T26" fmla="*/ 6 w 29"/>
                  <a:gd name="T27" fmla="*/ 185 h 224"/>
                  <a:gd name="T28" fmla="*/ 9 w 29"/>
                  <a:gd name="T29" fmla="*/ 202 h 224"/>
                  <a:gd name="T30" fmla="*/ 15 w 29"/>
                  <a:gd name="T31" fmla="*/ 223 h 224"/>
                  <a:gd name="T32" fmla="*/ 12 w 29"/>
                  <a:gd name="T33" fmla="*/ 197 h 224"/>
                  <a:gd name="T34" fmla="*/ 9 w 29"/>
                  <a:gd name="T35" fmla="*/ 173 h 224"/>
                  <a:gd name="T36" fmla="*/ 8 w 29"/>
                  <a:gd name="T37" fmla="*/ 152 h 224"/>
                  <a:gd name="T38" fmla="*/ 9 w 29"/>
                  <a:gd name="T39" fmla="*/ 130 h 224"/>
                  <a:gd name="T40" fmla="*/ 9 w 29"/>
                  <a:gd name="T41" fmla="*/ 116 h 224"/>
                  <a:gd name="T42" fmla="*/ 8 w 29"/>
                  <a:gd name="T43" fmla="*/ 97 h 224"/>
                  <a:gd name="T44" fmla="*/ 7 w 29"/>
                  <a:gd name="T45" fmla="*/ 83 h 224"/>
                  <a:gd name="T46" fmla="*/ 10 w 29"/>
                  <a:gd name="T47" fmla="*/ 53 h 224"/>
                  <a:gd name="T48" fmla="*/ 10 w 29"/>
                  <a:gd name="T49" fmla="*/ 38 h 224"/>
                  <a:gd name="T50" fmla="*/ 12 w 29"/>
                  <a:gd name="T51" fmla="*/ 25 h 224"/>
                  <a:gd name="T52" fmla="*/ 17 w 29"/>
                  <a:gd name="T53" fmla="*/ 8 h 224"/>
                  <a:gd name="T54" fmla="*/ 19 w 29"/>
                  <a:gd name="T55" fmla="*/ 21 h 224"/>
                  <a:gd name="T56" fmla="*/ 28 w 29"/>
                  <a:gd name="T57" fmla="*/ 42 h 224"/>
                  <a:gd name="T58" fmla="*/ 27 w 29"/>
                  <a:gd name="T59" fmla="*/ 35 h 22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29" h="224">
                    <a:moveTo>
                      <a:pt x="27" y="35"/>
                    </a:moveTo>
                    <a:lnTo>
                      <a:pt x="21" y="0"/>
                    </a:lnTo>
                    <a:lnTo>
                      <a:pt x="17" y="0"/>
                    </a:lnTo>
                    <a:lnTo>
                      <a:pt x="14" y="2"/>
                    </a:lnTo>
                    <a:lnTo>
                      <a:pt x="12" y="11"/>
                    </a:lnTo>
                    <a:lnTo>
                      <a:pt x="5" y="40"/>
                    </a:lnTo>
                    <a:lnTo>
                      <a:pt x="3" y="53"/>
                    </a:lnTo>
                    <a:lnTo>
                      <a:pt x="2" y="66"/>
                    </a:lnTo>
                    <a:lnTo>
                      <a:pt x="0" y="104"/>
                    </a:lnTo>
                    <a:lnTo>
                      <a:pt x="0" y="116"/>
                    </a:lnTo>
                    <a:lnTo>
                      <a:pt x="0" y="130"/>
                    </a:lnTo>
                    <a:lnTo>
                      <a:pt x="1" y="146"/>
                    </a:lnTo>
                    <a:lnTo>
                      <a:pt x="3" y="169"/>
                    </a:lnTo>
                    <a:lnTo>
                      <a:pt x="6" y="185"/>
                    </a:lnTo>
                    <a:lnTo>
                      <a:pt x="9" y="202"/>
                    </a:lnTo>
                    <a:lnTo>
                      <a:pt x="15" y="223"/>
                    </a:lnTo>
                    <a:lnTo>
                      <a:pt x="12" y="197"/>
                    </a:lnTo>
                    <a:lnTo>
                      <a:pt x="9" y="173"/>
                    </a:lnTo>
                    <a:lnTo>
                      <a:pt x="8" y="152"/>
                    </a:lnTo>
                    <a:lnTo>
                      <a:pt x="9" y="130"/>
                    </a:lnTo>
                    <a:lnTo>
                      <a:pt x="9" y="116"/>
                    </a:lnTo>
                    <a:lnTo>
                      <a:pt x="8" y="97"/>
                    </a:lnTo>
                    <a:lnTo>
                      <a:pt x="7" y="83"/>
                    </a:lnTo>
                    <a:lnTo>
                      <a:pt x="10" y="53"/>
                    </a:lnTo>
                    <a:lnTo>
                      <a:pt x="10" y="38"/>
                    </a:lnTo>
                    <a:lnTo>
                      <a:pt x="12" y="25"/>
                    </a:lnTo>
                    <a:lnTo>
                      <a:pt x="17" y="8"/>
                    </a:lnTo>
                    <a:lnTo>
                      <a:pt x="19" y="21"/>
                    </a:lnTo>
                    <a:lnTo>
                      <a:pt x="28" y="42"/>
                    </a:lnTo>
                    <a:lnTo>
                      <a:pt x="27" y="35"/>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57" name="Group 33"/>
              <p:cNvGrpSpPr>
                <a:grpSpLocks/>
              </p:cNvGrpSpPr>
              <p:nvPr/>
            </p:nvGrpSpPr>
            <p:grpSpPr bwMode="auto">
              <a:xfrm>
                <a:off x="454" y="3586"/>
                <a:ext cx="255" cy="498"/>
                <a:chOff x="454" y="3586"/>
                <a:chExt cx="255" cy="498"/>
              </a:xfrm>
            </p:grpSpPr>
            <p:sp>
              <p:nvSpPr>
                <p:cNvPr id="92" name="Freeform 30"/>
                <p:cNvSpPr>
                  <a:spLocks/>
                </p:cNvSpPr>
                <p:nvPr/>
              </p:nvSpPr>
              <p:spPr bwMode="ltGray">
                <a:xfrm>
                  <a:off x="633" y="3878"/>
                  <a:ext cx="38" cy="206"/>
                </a:xfrm>
                <a:custGeom>
                  <a:avLst/>
                  <a:gdLst>
                    <a:gd name="T0" fmla="*/ 7 w 38"/>
                    <a:gd name="T1" fmla="*/ 0 h 206"/>
                    <a:gd name="T2" fmla="*/ 14 w 38"/>
                    <a:gd name="T3" fmla="*/ 15 h 206"/>
                    <a:gd name="T4" fmla="*/ 22 w 38"/>
                    <a:gd name="T5" fmla="*/ 40 h 206"/>
                    <a:gd name="T6" fmla="*/ 29 w 38"/>
                    <a:gd name="T7" fmla="*/ 74 h 206"/>
                    <a:gd name="T8" fmla="*/ 37 w 38"/>
                    <a:gd name="T9" fmla="*/ 118 h 206"/>
                    <a:gd name="T10" fmla="*/ 37 w 38"/>
                    <a:gd name="T11" fmla="*/ 164 h 206"/>
                    <a:gd name="T12" fmla="*/ 33 w 38"/>
                    <a:gd name="T13" fmla="*/ 205 h 206"/>
                    <a:gd name="T14" fmla="*/ 29 w 38"/>
                    <a:gd name="T15" fmla="*/ 205 h 206"/>
                    <a:gd name="T16" fmla="*/ 33 w 38"/>
                    <a:gd name="T17" fmla="*/ 164 h 206"/>
                    <a:gd name="T18" fmla="*/ 33 w 38"/>
                    <a:gd name="T19" fmla="*/ 130 h 206"/>
                    <a:gd name="T20" fmla="*/ 26 w 38"/>
                    <a:gd name="T21" fmla="*/ 93 h 206"/>
                    <a:gd name="T22" fmla="*/ 14 w 38"/>
                    <a:gd name="T23" fmla="*/ 56 h 206"/>
                    <a:gd name="T24" fmla="*/ 0 w 38"/>
                    <a:gd name="T25" fmla="*/ 9 h 206"/>
                    <a:gd name="T26" fmla="*/ 7 w 38"/>
                    <a:gd name="T27" fmla="*/ 0 h 20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8" h="206">
                      <a:moveTo>
                        <a:pt x="7" y="0"/>
                      </a:moveTo>
                      <a:lnTo>
                        <a:pt x="14" y="15"/>
                      </a:lnTo>
                      <a:lnTo>
                        <a:pt x="22" y="40"/>
                      </a:lnTo>
                      <a:lnTo>
                        <a:pt x="29" y="74"/>
                      </a:lnTo>
                      <a:lnTo>
                        <a:pt x="37" y="118"/>
                      </a:lnTo>
                      <a:lnTo>
                        <a:pt x="37" y="164"/>
                      </a:lnTo>
                      <a:lnTo>
                        <a:pt x="33" y="205"/>
                      </a:lnTo>
                      <a:lnTo>
                        <a:pt x="29" y="205"/>
                      </a:lnTo>
                      <a:lnTo>
                        <a:pt x="33" y="164"/>
                      </a:lnTo>
                      <a:lnTo>
                        <a:pt x="33" y="130"/>
                      </a:lnTo>
                      <a:lnTo>
                        <a:pt x="26" y="93"/>
                      </a:lnTo>
                      <a:lnTo>
                        <a:pt x="14" y="56"/>
                      </a:lnTo>
                      <a:lnTo>
                        <a:pt x="0" y="9"/>
                      </a:lnTo>
                      <a:lnTo>
                        <a:pt x="7"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93" name="Freeform 31"/>
                <p:cNvSpPr>
                  <a:spLocks/>
                </p:cNvSpPr>
                <p:nvPr/>
              </p:nvSpPr>
              <p:spPr bwMode="ltGray">
                <a:xfrm>
                  <a:off x="454" y="3767"/>
                  <a:ext cx="61" cy="205"/>
                </a:xfrm>
                <a:custGeom>
                  <a:avLst/>
                  <a:gdLst>
                    <a:gd name="T0" fmla="*/ 58 w 61"/>
                    <a:gd name="T1" fmla="*/ 32 h 205"/>
                    <a:gd name="T2" fmla="*/ 46 w 61"/>
                    <a:gd name="T3" fmla="*/ 0 h 205"/>
                    <a:gd name="T4" fmla="*/ 37 w 61"/>
                    <a:gd name="T5" fmla="*/ 0 h 205"/>
                    <a:gd name="T6" fmla="*/ 31 w 61"/>
                    <a:gd name="T7" fmla="*/ 2 h 205"/>
                    <a:gd name="T8" fmla="*/ 26 w 61"/>
                    <a:gd name="T9" fmla="*/ 10 h 205"/>
                    <a:gd name="T10" fmla="*/ 12 w 61"/>
                    <a:gd name="T11" fmla="*/ 37 h 205"/>
                    <a:gd name="T12" fmla="*/ 7 w 61"/>
                    <a:gd name="T13" fmla="*/ 48 h 205"/>
                    <a:gd name="T14" fmla="*/ 4 w 61"/>
                    <a:gd name="T15" fmla="*/ 60 h 205"/>
                    <a:gd name="T16" fmla="*/ 0 w 61"/>
                    <a:gd name="T17" fmla="*/ 95 h 205"/>
                    <a:gd name="T18" fmla="*/ 0 w 61"/>
                    <a:gd name="T19" fmla="*/ 106 h 205"/>
                    <a:gd name="T20" fmla="*/ 0 w 61"/>
                    <a:gd name="T21" fmla="*/ 119 h 205"/>
                    <a:gd name="T22" fmla="*/ 2 w 61"/>
                    <a:gd name="T23" fmla="*/ 133 h 205"/>
                    <a:gd name="T24" fmla="*/ 8 w 61"/>
                    <a:gd name="T25" fmla="*/ 155 h 205"/>
                    <a:gd name="T26" fmla="*/ 13 w 61"/>
                    <a:gd name="T27" fmla="*/ 169 h 205"/>
                    <a:gd name="T28" fmla="*/ 20 w 61"/>
                    <a:gd name="T29" fmla="*/ 184 h 205"/>
                    <a:gd name="T30" fmla="*/ 33 w 61"/>
                    <a:gd name="T31" fmla="*/ 204 h 205"/>
                    <a:gd name="T32" fmla="*/ 26 w 61"/>
                    <a:gd name="T33" fmla="*/ 180 h 205"/>
                    <a:gd name="T34" fmla="*/ 20 w 61"/>
                    <a:gd name="T35" fmla="*/ 158 h 205"/>
                    <a:gd name="T36" fmla="*/ 18 w 61"/>
                    <a:gd name="T37" fmla="*/ 138 h 205"/>
                    <a:gd name="T38" fmla="*/ 18 w 61"/>
                    <a:gd name="T39" fmla="*/ 119 h 205"/>
                    <a:gd name="T40" fmla="*/ 20 w 61"/>
                    <a:gd name="T41" fmla="*/ 106 h 205"/>
                    <a:gd name="T42" fmla="*/ 18 w 61"/>
                    <a:gd name="T43" fmla="*/ 89 h 205"/>
                    <a:gd name="T44" fmla="*/ 16 w 61"/>
                    <a:gd name="T45" fmla="*/ 76 h 205"/>
                    <a:gd name="T46" fmla="*/ 22 w 61"/>
                    <a:gd name="T47" fmla="*/ 48 h 205"/>
                    <a:gd name="T48" fmla="*/ 23 w 61"/>
                    <a:gd name="T49" fmla="*/ 35 h 205"/>
                    <a:gd name="T50" fmla="*/ 28 w 61"/>
                    <a:gd name="T51" fmla="*/ 23 h 205"/>
                    <a:gd name="T52" fmla="*/ 37 w 61"/>
                    <a:gd name="T53" fmla="*/ 8 h 205"/>
                    <a:gd name="T54" fmla="*/ 42 w 61"/>
                    <a:gd name="T55" fmla="*/ 19 h 205"/>
                    <a:gd name="T56" fmla="*/ 60 w 61"/>
                    <a:gd name="T57" fmla="*/ 38 h 205"/>
                    <a:gd name="T58" fmla="*/ 58 w 61"/>
                    <a:gd name="T59" fmla="*/ 32 h 20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61" h="205">
                      <a:moveTo>
                        <a:pt x="58" y="32"/>
                      </a:moveTo>
                      <a:lnTo>
                        <a:pt x="46" y="0"/>
                      </a:lnTo>
                      <a:lnTo>
                        <a:pt x="37" y="0"/>
                      </a:lnTo>
                      <a:lnTo>
                        <a:pt x="31" y="2"/>
                      </a:lnTo>
                      <a:lnTo>
                        <a:pt x="26" y="10"/>
                      </a:lnTo>
                      <a:lnTo>
                        <a:pt x="12" y="37"/>
                      </a:lnTo>
                      <a:lnTo>
                        <a:pt x="7" y="48"/>
                      </a:lnTo>
                      <a:lnTo>
                        <a:pt x="4" y="60"/>
                      </a:lnTo>
                      <a:lnTo>
                        <a:pt x="0" y="95"/>
                      </a:lnTo>
                      <a:lnTo>
                        <a:pt x="0" y="106"/>
                      </a:lnTo>
                      <a:lnTo>
                        <a:pt x="0" y="119"/>
                      </a:lnTo>
                      <a:lnTo>
                        <a:pt x="2" y="133"/>
                      </a:lnTo>
                      <a:lnTo>
                        <a:pt x="8" y="155"/>
                      </a:lnTo>
                      <a:lnTo>
                        <a:pt x="13" y="169"/>
                      </a:lnTo>
                      <a:lnTo>
                        <a:pt x="20" y="184"/>
                      </a:lnTo>
                      <a:lnTo>
                        <a:pt x="33" y="204"/>
                      </a:lnTo>
                      <a:lnTo>
                        <a:pt x="26" y="180"/>
                      </a:lnTo>
                      <a:lnTo>
                        <a:pt x="20" y="158"/>
                      </a:lnTo>
                      <a:lnTo>
                        <a:pt x="18" y="138"/>
                      </a:lnTo>
                      <a:lnTo>
                        <a:pt x="18" y="119"/>
                      </a:lnTo>
                      <a:lnTo>
                        <a:pt x="20" y="106"/>
                      </a:lnTo>
                      <a:lnTo>
                        <a:pt x="18" y="89"/>
                      </a:lnTo>
                      <a:lnTo>
                        <a:pt x="16" y="76"/>
                      </a:lnTo>
                      <a:lnTo>
                        <a:pt x="22" y="48"/>
                      </a:lnTo>
                      <a:lnTo>
                        <a:pt x="23" y="35"/>
                      </a:lnTo>
                      <a:lnTo>
                        <a:pt x="28" y="23"/>
                      </a:lnTo>
                      <a:lnTo>
                        <a:pt x="37" y="8"/>
                      </a:lnTo>
                      <a:lnTo>
                        <a:pt x="42" y="19"/>
                      </a:lnTo>
                      <a:lnTo>
                        <a:pt x="60" y="38"/>
                      </a:lnTo>
                      <a:lnTo>
                        <a:pt x="58" y="32"/>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94" name="Freeform 32"/>
                <p:cNvSpPr>
                  <a:spLocks/>
                </p:cNvSpPr>
                <p:nvPr/>
              </p:nvSpPr>
              <p:spPr bwMode="ltGray">
                <a:xfrm>
                  <a:off x="559" y="3586"/>
                  <a:ext cx="150" cy="369"/>
                </a:xfrm>
                <a:custGeom>
                  <a:avLst/>
                  <a:gdLst>
                    <a:gd name="T0" fmla="*/ 48 w 150"/>
                    <a:gd name="T1" fmla="*/ 4 h 369"/>
                    <a:gd name="T2" fmla="*/ 52 w 150"/>
                    <a:gd name="T3" fmla="*/ 15 h 369"/>
                    <a:gd name="T4" fmla="*/ 85 w 150"/>
                    <a:gd name="T5" fmla="*/ 13 h 369"/>
                    <a:gd name="T6" fmla="*/ 72 w 150"/>
                    <a:gd name="T7" fmla="*/ 19 h 369"/>
                    <a:gd name="T8" fmla="*/ 58 w 150"/>
                    <a:gd name="T9" fmla="*/ 24 h 369"/>
                    <a:gd name="T10" fmla="*/ 89 w 150"/>
                    <a:gd name="T11" fmla="*/ 34 h 369"/>
                    <a:gd name="T12" fmla="*/ 65 w 150"/>
                    <a:gd name="T13" fmla="*/ 38 h 369"/>
                    <a:gd name="T14" fmla="*/ 63 w 150"/>
                    <a:gd name="T15" fmla="*/ 48 h 369"/>
                    <a:gd name="T16" fmla="*/ 133 w 150"/>
                    <a:gd name="T17" fmla="*/ 100 h 369"/>
                    <a:gd name="T18" fmla="*/ 68 w 150"/>
                    <a:gd name="T19" fmla="*/ 62 h 369"/>
                    <a:gd name="T20" fmla="*/ 82 w 150"/>
                    <a:gd name="T21" fmla="*/ 84 h 369"/>
                    <a:gd name="T22" fmla="*/ 73 w 150"/>
                    <a:gd name="T23" fmla="*/ 85 h 369"/>
                    <a:gd name="T24" fmla="*/ 85 w 150"/>
                    <a:gd name="T25" fmla="*/ 115 h 369"/>
                    <a:gd name="T26" fmla="*/ 112 w 150"/>
                    <a:gd name="T27" fmla="*/ 146 h 369"/>
                    <a:gd name="T28" fmla="*/ 82 w 150"/>
                    <a:gd name="T29" fmla="*/ 123 h 369"/>
                    <a:gd name="T30" fmla="*/ 107 w 150"/>
                    <a:gd name="T31" fmla="*/ 170 h 369"/>
                    <a:gd name="T32" fmla="*/ 85 w 150"/>
                    <a:gd name="T33" fmla="*/ 139 h 369"/>
                    <a:gd name="T34" fmla="*/ 79 w 150"/>
                    <a:gd name="T35" fmla="*/ 139 h 369"/>
                    <a:gd name="T36" fmla="*/ 87 w 150"/>
                    <a:gd name="T37" fmla="*/ 166 h 369"/>
                    <a:gd name="T38" fmla="*/ 81 w 150"/>
                    <a:gd name="T39" fmla="*/ 166 h 369"/>
                    <a:gd name="T40" fmla="*/ 94 w 150"/>
                    <a:gd name="T41" fmla="*/ 198 h 369"/>
                    <a:gd name="T42" fmla="*/ 86 w 150"/>
                    <a:gd name="T43" fmla="*/ 190 h 369"/>
                    <a:gd name="T44" fmla="*/ 93 w 150"/>
                    <a:gd name="T45" fmla="*/ 220 h 369"/>
                    <a:gd name="T46" fmla="*/ 87 w 150"/>
                    <a:gd name="T47" fmla="*/ 210 h 369"/>
                    <a:gd name="T48" fmla="*/ 81 w 150"/>
                    <a:gd name="T49" fmla="*/ 207 h 369"/>
                    <a:gd name="T50" fmla="*/ 85 w 150"/>
                    <a:gd name="T51" fmla="*/ 229 h 369"/>
                    <a:gd name="T52" fmla="*/ 99 w 150"/>
                    <a:gd name="T53" fmla="*/ 269 h 369"/>
                    <a:gd name="T54" fmla="*/ 81 w 150"/>
                    <a:gd name="T55" fmla="*/ 238 h 369"/>
                    <a:gd name="T56" fmla="*/ 77 w 150"/>
                    <a:gd name="T57" fmla="*/ 233 h 369"/>
                    <a:gd name="T58" fmla="*/ 78 w 150"/>
                    <a:gd name="T59" fmla="*/ 267 h 369"/>
                    <a:gd name="T60" fmla="*/ 72 w 150"/>
                    <a:gd name="T61" fmla="*/ 283 h 369"/>
                    <a:gd name="T62" fmla="*/ 70 w 150"/>
                    <a:gd name="T63" fmla="*/ 264 h 369"/>
                    <a:gd name="T64" fmla="*/ 17 w 150"/>
                    <a:gd name="T65" fmla="*/ 315 h 369"/>
                    <a:gd name="T66" fmla="*/ 65 w 150"/>
                    <a:gd name="T67" fmla="*/ 241 h 369"/>
                    <a:gd name="T68" fmla="*/ 55 w 150"/>
                    <a:gd name="T69" fmla="*/ 257 h 369"/>
                    <a:gd name="T70" fmla="*/ 69 w 150"/>
                    <a:gd name="T71" fmla="*/ 216 h 369"/>
                    <a:gd name="T72" fmla="*/ 10 w 150"/>
                    <a:gd name="T73" fmla="*/ 248 h 369"/>
                    <a:gd name="T74" fmla="*/ 69 w 150"/>
                    <a:gd name="T75" fmla="*/ 204 h 369"/>
                    <a:gd name="T76" fmla="*/ 61 w 150"/>
                    <a:gd name="T77" fmla="*/ 193 h 369"/>
                    <a:gd name="T78" fmla="*/ 67 w 150"/>
                    <a:gd name="T79" fmla="*/ 177 h 369"/>
                    <a:gd name="T80" fmla="*/ 58 w 150"/>
                    <a:gd name="T81" fmla="*/ 177 h 369"/>
                    <a:gd name="T82" fmla="*/ 32 w 150"/>
                    <a:gd name="T83" fmla="*/ 208 h 369"/>
                    <a:gd name="T84" fmla="*/ 57 w 150"/>
                    <a:gd name="T85" fmla="*/ 148 h 369"/>
                    <a:gd name="T86" fmla="*/ 62 w 150"/>
                    <a:gd name="T87" fmla="*/ 126 h 369"/>
                    <a:gd name="T88" fmla="*/ 55 w 150"/>
                    <a:gd name="T89" fmla="*/ 122 h 369"/>
                    <a:gd name="T90" fmla="*/ 57 w 150"/>
                    <a:gd name="T91" fmla="*/ 101 h 369"/>
                    <a:gd name="T92" fmla="*/ 53 w 150"/>
                    <a:gd name="T93" fmla="*/ 99 h 369"/>
                    <a:gd name="T94" fmla="*/ 35 w 150"/>
                    <a:gd name="T95" fmla="*/ 117 h 369"/>
                    <a:gd name="T96" fmla="*/ 49 w 150"/>
                    <a:gd name="T97" fmla="*/ 87 h 369"/>
                    <a:gd name="T98" fmla="*/ 48 w 150"/>
                    <a:gd name="T99" fmla="*/ 62 h 369"/>
                    <a:gd name="T100" fmla="*/ 49 w 150"/>
                    <a:gd name="T101" fmla="*/ 46 h 369"/>
                    <a:gd name="T102" fmla="*/ 34 w 150"/>
                    <a:gd name="T103" fmla="*/ 46 h 369"/>
                    <a:gd name="T104" fmla="*/ 38 w 150"/>
                    <a:gd name="T105" fmla="*/ 24 h 369"/>
                    <a:gd name="T106" fmla="*/ 31 w 150"/>
                    <a:gd name="T107" fmla="*/ 19 h 369"/>
                    <a:gd name="T108" fmla="*/ 33 w 150"/>
                    <a:gd name="T109" fmla="*/ 0 h 3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50" h="369">
                      <a:moveTo>
                        <a:pt x="33" y="0"/>
                      </a:moveTo>
                      <a:lnTo>
                        <a:pt x="39" y="1"/>
                      </a:lnTo>
                      <a:lnTo>
                        <a:pt x="48" y="4"/>
                      </a:lnTo>
                      <a:lnTo>
                        <a:pt x="42" y="5"/>
                      </a:lnTo>
                      <a:lnTo>
                        <a:pt x="47" y="10"/>
                      </a:lnTo>
                      <a:lnTo>
                        <a:pt x="52" y="15"/>
                      </a:lnTo>
                      <a:lnTo>
                        <a:pt x="60" y="17"/>
                      </a:lnTo>
                      <a:lnTo>
                        <a:pt x="72" y="16"/>
                      </a:lnTo>
                      <a:lnTo>
                        <a:pt x="85" y="13"/>
                      </a:lnTo>
                      <a:lnTo>
                        <a:pt x="119" y="16"/>
                      </a:lnTo>
                      <a:lnTo>
                        <a:pt x="86" y="14"/>
                      </a:lnTo>
                      <a:lnTo>
                        <a:pt x="72" y="19"/>
                      </a:lnTo>
                      <a:lnTo>
                        <a:pt x="60" y="17"/>
                      </a:lnTo>
                      <a:lnTo>
                        <a:pt x="52" y="21"/>
                      </a:lnTo>
                      <a:lnTo>
                        <a:pt x="58" y="24"/>
                      </a:lnTo>
                      <a:lnTo>
                        <a:pt x="54" y="27"/>
                      </a:lnTo>
                      <a:lnTo>
                        <a:pt x="65" y="35"/>
                      </a:lnTo>
                      <a:lnTo>
                        <a:pt x="89" y="34"/>
                      </a:lnTo>
                      <a:lnTo>
                        <a:pt x="121" y="63"/>
                      </a:lnTo>
                      <a:lnTo>
                        <a:pt x="89" y="35"/>
                      </a:lnTo>
                      <a:lnTo>
                        <a:pt x="65" y="38"/>
                      </a:lnTo>
                      <a:lnTo>
                        <a:pt x="58" y="38"/>
                      </a:lnTo>
                      <a:lnTo>
                        <a:pt x="71" y="48"/>
                      </a:lnTo>
                      <a:lnTo>
                        <a:pt x="63" y="48"/>
                      </a:lnTo>
                      <a:lnTo>
                        <a:pt x="77" y="59"/>
                      </a:lnTo>
                      <a:lnTo>
                        <a:pt x="103" y="74"/>
                      </a:lnTo>
                      <a:lnTo>
                        <a:pt x="133" y="100"/>
                      </a:lnTo>
                      <a:lnTo>
                        <a:pt x="103" y="76"/>
                      </a:lnTo>
                      <a:lnTo>
                        <a:pt x="76" y="62"/>
                      </a:lnTo>
                      <a:lnTo>
                        <a:pt x="68" y="62"/>
                      </a:lnTo>
                      <a:lnTo>
                        <a:pt x="81" y="70"/>
                      </a:lnTo>
                      <a:lnTo>
                        <a:pt x="72" y="73"/>
                      </a:lnTo>
                      <a:lnTo>
                        <a:pt x="82" y="84"/>
                      </a:lnTo>
                      <a:lnTo>
                        <a:pt x="146" y="172"/>
                      </a:lnTo>
                      <a:lnTo>
                        <a:pt x="82" y="85"/>
                      </a:lnTo>
                      <a:lnTo>
                        <a:pt x="73" y="85"/>
                      </a:lnTo>
                      <a:lnTo>
                        <a:pt x="83" y="99"/>
                      </a:lnTo>
                      <a:lnTo>
                        <a:pt x="76" y="98"/>
                      </a:lnTo>
                      <a:lnTo>
                        <a:pt x="85" y="115"/>
                      </a:lnTo>
                      <a:lnTo>
                        <a:pt x="112" y="145"/>
                      </a:lnTo>
                      <a:lnTo>
                        <a:pt x="138" y="189"/>
                      </a:lnTo>
                      <a:lnTo>
                        <a:pt x="112" y="146"/>
                      </a:lnTo>
                      <a:lnTo>
                        <a:pt x="85" y="116"/>
                      </a:lnTo>
                      <a:lnTo>
                        <a:pt x="76" y="112"/>
                      </a:lnTo>
                      <a:lnTo>
                        <a:pt x="82" y="123"/>
                      </a:lnTo>
                      <a:lnTo>
                        <a:pt x="77" y="121"/>
                      </a:lnTo>
                      <a:lnTo>
                        <a:pt x="85" y="138"/>
                      </a:lnTo>
                      <a:lnTo>
                        <a:pt x="107" y="170"/>
                      </a:lnTo>
                      <a:lnTo>
                        <a:pt x="149" y="211"/>
                      </a:lnTo>
                      <a:lnTo>
                        <a:pt x="107" y="170"/>
                      </a:lnTo>
                      <a:lnTo>
                        <a:pt x="85" y="139"/>
                      </a:lnTo>
                      <a:lnTo>
                        <a:pt x="81" y="139"/>
                      </a:lnTo>
                      <a:lnTo>
                        <a:pt x="120" y="233"/>
                      </a:lnTo>
                      <a:lnTo>
                        <a:pt x="79" y="139"/>
                      </a:lnTo>
                      <a:lnTo>
                        <a:pt x="85" y="152"/>
                      </a:lnTo>
                      <a:lnTo>
                        <a:pt x="79" y="147"/>
                      </a:lnTo>
                      <a:lnTo>
                        <a:pt x="87" y="166"/>
                      </a:lnTo>
                      <a:lnTo>
                        <a:pt x="115" y="210"/>
                      </a:lnTo>
                      <a:lnTo>
                        <a:pt x="87" y="170"/>
                      </a:lnTo>
                      <a:lnTo>
                        <a:pt x="81" y="166"/>
                      </a:lnTo>
                      <a:lnTo>
                        <a:pt x="87" y="179"/>
                      </a:lnTo>
                      <a:lnTo>
                        <a:pt x="120" y="264"/>
                      </a:lnTo>
                      <a:lnTo>
                        <a:pt x="94" y="198"/>
                      </a:lnTo>
                      <a:lnTo>
                        <a:pt x="85" y="179"/>
                      </a:lnTo>
                      <a:lnTo>
                        <a:pt x="81" y="177"/>
                      </a:lnTo>
                      <a:lnTo>
                        <a:pt x="86" y="190"/>
                      </a:lnTo>
                      <a:lnTo>
                        <a:pt x="81" y="188"/>
                      </a:lnTo>
                      <a:lnTo>
                        <a:pt x="89" y="205"/>
                      </a:lnTo>
                      <a:lnTo>
                        <a:pt x="93" y="220"/>
                      </a:lnTo>
                      <a:lnTo>
                        <a:pt x="135" y="269"/>
                      </a:lnTo>
                      <a:lnTo>
                        <a:pt x="92" y="220"/>
                      </a:lnTo>
                      <a:lnTo>
                        <a:pt x="87" y="210"/>
                      </a:lnTo>
                      <a:lnTo>
                        <a:pt x="82" y="207"/>
                      </a:lnTo>
                      <a:lnTo>
                        <a:pt x="92" y="235"/>
                      </a:lnTo>
                      <a:lnTo>
                        <a:pt x="81" y="207"/>
                      </a:lnTo>
                      <a:lnTo>
                        <a:pt x="87" y="220"/>
                      </a:lnTo>
                      <a:lnTo>
                        <a:pt x="81" y="218"/>
                      </a:lnTo>
                      <a:lnTo>
                        <a:pt x="85" y="229"/>
                      </a:lnTo>
                      <a:lnTo>
                        <a:pt x="99" y="269"/>
                      </a:lnTo>
                      <a:lnTo>
                        <a:pt x="113" y="294"/>
                      </a:lnTo>
                      <a:lnTo>
                        <a:pt x="99" y="269"/>
                      </a:lnTo>
                      <a:lnTo>
                        <a:pt x="85" y="231"/>
                      </a:lnTo>
                      <a:lnTo>
                        <a:pt x="79" y="229"/>
                      </a:lnTo>
                      <a:lnTo>
                        <a:pt x="81" y="238"/>
                      </a:lnTo>
                      <a:lnTo>
                        <a:pt x="92" y="264"/>
                      </a:lnTo>
                      <a:lnTo>
                        <a:pt x="81" y="241"/>
                      </a:lnTo>
                      <a:lnTo>
                        <a:pt x="77" y="233"/>
                      </a:lnTo>
                      <a:lnTo>
                        <a:pt x="82" y="254"/>
                      </a:lnTo>
                      <a:lnTo>
                        <a:pt x="76" y="250"/>
                      </a:lnTo>
                      <a:lnTo>
                        <a:pt x="78" y="267"/>
                      </a:lnTo>
                      <a:lnTo>
                        <a:pt x="74" y="259"/>
                      </a:lnTo>
                      <a:lnTo>
                        <a:pt x="71" y="266"/>
                      </a:lnTo>
                      <a:lnTo>
                        <a:pt x="72" y="283"/>
                      </a:lnTo>
                      <a:lnTo>
                        <a:pt x="99" y="368"/>
                      </a:lnTo>
                      <a:lnTo>
                        <a:pt x="70" y="283"/>
                      </a:lnTo>
                      <a:lnTo>
                        <a:pt x="70" y="264"/>
                      </a:lnTo>
                      <a:lnTo>
                        <a:pt x="70" y="253"/>
                      </a:lnTo>
                      <a:lnTo>
                        <a:pt x="65" y="259"/>
                      </a:lnTo>
                      <a:lnTo>
                        <a:pt x="17" y="315"/>
                      </a:lnTo>
                      <a:lnTo>
                        <a:pt x="66" y="254"/>
                      </a:lnTo>
                      <a:lnTo>
                        <a:pt x="70" y="238"/>
                      </a:lnTo>
                      <a:lnTo>
                        <a:pt x="65" y="241"/>
                      </a:lnTo>
                      <a:lnTo>
                        <a:pt x="72" y="223"/>
                      </a:lnTo>
                      <a:lnTo>
                        <a:pt x="66" y="230"/>
                      </a:lnTo>
                      <a:lnTo>
                        <a:pt x="55" y="257"/>
                      </a:lnTo>
                      <a:lnTo>
                        <a:pt x="65" y="228"/>
                      </a:lnTo>
                      <a:lnTo>
                        <a:pt x="70" y="216"/>
                      </a:lnTo>
                      <a:lnTo>
                        <a:pt x="69" y="216"/>
                      </a:lnTo>
                      <a:lnTo>
                        <a:pt x="63" y="223"/>
                      </a:lnTo>
                      <a:lnTo>
                        <a:pt x="51" y="237"/>
                      </a:lnTo>
                      <a:lnTo>
                        <a:pt x="10" y="248"/>
                      </a:lnTo>
                      <a:lnTo>
                        <a:pt x="52" y="235"/>
                      </a:lnTo>
                      <a:lnTo>
                        <a:pt x="65" y="218"/>
                      </a:lnTo>
                      <a:lnTo>
                        <a:pt x="69" y="204"/>
                      </a:lnTo>
                      <a:lnTo>
                        <a:pt x="63" y="204"/>
                      </a:lnTo>
                      <a:lnTo>
                        <a:pt x="69" y="190"/>
                      </a:lnTo>
                      <a:lnTo>
                        <a:pt x="61" y="193"/>
                      </a:lnTo>
                      <a:lnTo>
                        <a:pt x="33" y="220"/>
                      </a:lnTo>
                      <a:lnTo>
                        <a:pt x="61" y="193"/>
                      </a:lnTo>
                      <a:lnTo>
                        <a:pt x="67" y="177"/>
                      </a:lnTo>
                      <a:lnTo>
                        <a:pt x="60" y="181"/>
                      </a:lnTo>
                      <a:lnTo>
                        <a:pt x="65" y="168"/>
                      </a:lnTo>
                      <a:lnTo>
                        <a:pt x="58" y="177"/>
                      </a:lnTo>
                      <a:lnTo>
                        <a:pt x="63" y="158"/>
                      </a:lnTo>
                      <a:lnTo>
                        <a:pt x="57" y="167"/>
                      </a:lnTo>
                      <a:lnTo>
                        <a:pt x="32" y="208"/>
                      </a:lnTo>
                      <a:lnTo>
                        <a:pt x="58" y="167"/>
                      </a:lnTo>
                      <a:lnTo>
                        <a:pt x="65" y="143"/>
                      </a:lnTo>
                      <a:lnTo>
                        <a:pt x="57" y="148"/>
                      </a:lnTo>
                      <a:lnTo>
                        <a:pt x="15" y="171"/>
                      </a:lnTo>
                      <a:lnTo>
                        <a:pt x="57" y="147"/>
                      </a:lnTo>
                      <a:lnTo>
                        <a:pt x="62" y="126"/>
                      </a:lnTo>
                      <a:lnTo>
                        <a:pt x="57" y="130"/>
                      </a:lnTo>
                      <a:lnTo>
                        <a:pt x="61" y="117"/>
                      </a:lnTo>
                      <a:lnTo>
                        <a:pt x="55" y="122"/>
                      </a:lnTo>
                      <a:lnTo>
                        <a:pt x="36" y="179"/>
                      </a:lnTo>
                      <a:lnTo>
                        <a:pt x="57" y="117"/>
                      </a:lnTo>
                      <a:lnTo>
                        <a:pt x="57" y="101"/>
                      </a:lnTo>
                      <a:lnTo>
                        <a:pt x="50" y="109"/>
                      </a:lnTo>
                      <a:lnTo>
                        <a:pt x="38" y="141"/>
                      </a:lnTo>
                      <a:lnTo>
                        <a:pt x="53" y="99"/>
                      </a:lnTo>
                      <a:lnTo>
                        <a:pt x="55" y="85"/>
                      </a:lnTo>
                      <a:lnTo>
                        <a:pt x="50" y="92"/>
                      </a:lnTo>
                      <a:lnTo>
                        <a:pt x="35" y="117"/>
                      </a:lnTo>
                      <a:lnTo>
                        <a:pt x="0" y="133"/>
                      </a:lnTo>
                      <a:lnTo>
                        <a:pt x="36" y="116"/>
                      </a:lnTo>
                      <a:lnTo>
                        <a:pt x="49" y="87"/>
                      </a:lnTo>
                      <a:lnTo>
                        <a:pt x="51" y="70"/>
                      </a:lnTo>
                      <a:lnTo>
                        <a:pt x="45" y="79"/>
                      </a:lnTo>
                      <a:lnTo>
                        <a:pt x="48" y="62"/>
                      </a:lnTo>
                      <a:lnTo>
                        <a:pt x="25" y="106"/>
                      </a:lnTo>
                      <a:lnTo>
                        <a:pt x="47" y="59"/>
                      </a:lnTo>
                      <a:lnTo>
                        <a:pt x="49" y="46"/>
                      </a:lnTo>
                      <a:lnTo>
                        <a:pt x="42" y="57"/>
                      </a:lnTo>
                      <a:lnTo>
                        <a:pt x="43" y="36"/>
                      </a:lnTo>
                      <a:lnTo>
                        <a:pt x="34" y="46"/>
                      </a:lnTo>
                      <a:lnTo>
                        <a:pt x="2" y="81"/>
                      </a:lnTo>
                      <a:lnTo>
                        <a:pt x="34" y="44"/>
                      </a:lnTo>
                      <a:lnTo>
                        <a:pt x="38" y="24"/>
                      </a:lnTo>
                      <a:lnTo>
                        <a:pt x="33" y="30"/>
                      </a:lnTo>
                      <a:lnTo>
                        <a:pt x="36" y="15"/>
                      </a:lnTo>
                      <a:lnTo>
                        <a:pt x="31" y="19"/>
                      </a:lnTo>
                      <a:lnTo>
                        <a:pt x="30" y="8"/>
                      </a:lnTo>
                      <a:lnTo>
                        <a:pt x="31" y="3"/>
                      </a:lnTo>
                      <a:lnTo>
                        <a:pt x="33"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58" name="Freeform 34"/>
              <p:cNvSpPr>
                <a:spLocks/>
              </p:cNvSpPr>
              <p:nvPr/>
            </p:nvSpPr>
            <p:spPr bwMode="ltGray">
              <a:xfrm>
                <a:off x="407" y="3928"/>
                <a:ext cx="17" cy="225"/>
              </a:xfrm>
              <a:custGeom>
                <a:avLst/>
                <a:gdLst>
                  <a:gd name="T0" fmla="*/ 2 w 17"/>
                  <a:gd name="T1" fmla="*/ 0 h 225"/>
                  <a:gd name="T2" fmla="*/ 6 w 17"/>
                  <a:gd name="T3" fmla="*/ 16 h 225"/>
                  <a:gd name="T4" fmla="*/ 9 w 17"/>
                  <a:gd name="T5" fmla="*/ 43 h 225"/>
                  <a:gd name="T6" fmla="*/ 13 w 17"/>
                  <a:gd name="T7" fmla="*/ 81 h 225"/>
                  <a:gd name="T8" fmla="*/ 16 w 17"/>
                  <a:gd name="T9" fmla="*/ 128 h 225"/>
                  <a:gd name="T10" fmla="*/ 16 w 17"/>
                  <a:gd name="T11" fmla="*/ 179 h 225"/>
                  <a:gd name="T12" fmla="*/ 14 w 17"/>
                  <a:gd name="T13" fmla="*/ 224 h 225"/>
                  <a:gd name="T14" fmla="*/ 13 w 17"/>
                  <a:gd name="T15" fmla="*/ 224 h 225"/>
                  <a:gd name="T16" fmla="*/ 14 w 17"/>
                  <a:gd name="T17" fmla="*/ 179 h 225"/>
                  <a:gd name="T18" fmla="*/ 14 w 17"/>
                  <a:gd name="T19" fmla="*/ 142 h 225"/>
                  <a:gd name="T20" fmla="*/ 10 w 17"/>
                  <a:gd name="T21" fmla="*/ 101 h 225"/>
                  <a:gd name="T22" fmla="*/ 6 w 17"/>
                  <a:gd name="T23" fmla="*/ 61 h 225"/>
                  <a:gd name="T24" fmla="*/ 0 w 17"/>
                  <a:gd name="T25" fmla="*/ 10 h 225"/>
                  <a:gd name="T26" fmla="*/ 2 w 17"/>
                  <a:gd name="T27" fmla="*/ 0 h 2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17" h="225">
                    <a:moveTo>
                      <a:pt x="2" y="0"/>
                    </a:moveTo>
                    <a:lnTo>
                      <a:pt x="6" y="16"/>
                    </a:lnTo>
                    <a:lnTo>
                      <a:pt x="9" y="43"/>
                    </a:lnTo>
                    <a:lnTo>
                      <a:pt x="13" y="81"/>
                    </a:lnTo>
                    <a:lnTo>
                      <a:pt x="16" y="128"/>
                    </a:lnTo>
                    <a:lnTo>
                      <a:pt x="16" y="179"/>
                    </a:lnTo>
                    <a:lnTo>
                      <a:pt x="14" y="224"/>
                    </a:lnTo>
                    <a:lnTo>
                      <a:pt x="13" y="224"/>
                    </a:lnTo>
                    <a:lnTo>
                      <a:pt x="14" y="179"/>
                    </a:lnTo>
                    <a:lnTo>
                      <a:pt x="14" y="142"/>
                    </a:lnTo>
                    <a:lnTo>
                      <a:pt x="10" y="101"/>
                    </a:lnTo>
                    <a:lnTo>
                      <a:pt x="6" y="61"/>
                    </a:lnTo>
                    <a:lnTo>
                      <a:pt x="0" y="10"/>
                    </a:lnTo>
                    <a:lnTo>
                      <a:pt x="2"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9" name="Freeform 35"/>
              <p:cNvSpPr>
                <a:spLocks/>
              </p:cNvSpPr>
              <p:nvPr/>
            </p:nvSpPr>
            <p:spPr bwMode="ltGray">
              <a:xfrm>
                <a:off x="372" y="3608"/>
                <a:ext cx="70" cy="404"/>
              </a:xfrm>
              <a:custGeom>
                <a:avLst/>
                <a:gdLst>
                  <a:gd name="T0" fmla="*/ 22 w 70"/>
                  <a:gd name="T1" fmla="*/ 5 h 404"/>
                  <a:gd name="T2" fmla="*/ 23 w 70"/>
                  <a:gd name="T3" fmla="*/ 16 h 404"/>
                  <a:gd name="T4" fmla="*/ 39 w 70"/>
                  <a:gd name="T5" fmla="*/ 15 h 404"/>
                  <a:gd name="T6" fmla="*/ 33 w 70"/>
                  <a:gd name="T7" fmla="*/ 20 h 404"/>
                  <a:gd name="T8" fmla="*/ 26 w 70"/>
                  <a:gd name="T9" fmla="*/ 27 h 404"/>
                  <a:gd name="T10" fmla="*/ 41 w 70"/>
                  <a:gd name="T11" fmla="*/ 37 h 404"/>
                  <a:gd name="T12" fmla="*/ 30 w 70"/>
                  <a:gd name="T13" fmla="*/ 40 h 404"/>
                  <a:gd name="T14" fmla="*/ 29 w 70"/>
                  <a:gd name="T15" fmla="*/ 52 h 404"/>
                  <a:gd name="T16" fmla="*/ 61 w 70"/>
                  <a:gd name="T17" fmla="*/ 109 h 404"/>
                  <a:gd name="T18" fmla="*/ 31 w 70"/>
                  <a:gd name="T19" fmla="*/ 68 h 404"/>
                  <a:gd name="T20" fmla="*/ 38 w 70"/>
                  <a:gd name="T21" fmla="*/ 92 h 404"/>
                  <a:gd name="T22" fmla="*/ 34 w 70"/>
                  <a:gd name="T23" fmla="*/ 94 h 404"/>
                  <a:gd name="T24" fmla="*/ 39 w 70"/>
                  <a:gd name="T25" fmla="*/ 126 h 404"/>
                  <a:gd name="T26" fmla="*/ 51 w 70"/>
                  <a:gd name="T27" fmla="*/ 160 h 404"/>
                  <a:gd name="T28" fmla="*/ 38 w 70"/>
                  <a:gd name="T29" fmla="*/ 135 h 404"/>
                  <a:gd name="T30" fmla="*/ 49 w 70"/>
                  <a:gd name="T31" fmla="*/ 186 h 404"/>
                  <a:gd name="T32" fmla="*/ 39 w 70"/>
                  <a:gd name="T33" fmla="*/ 152 h 404"/>
                  <a:gd name="T34" fmla="*/ 37 w 70"/>
                  <a:gd name="T35" fmla="*/ 152 h 404"/>
                  <a:gd name="T36" fmla="*/ 40 w 70"/>
                  <a:gd name="T37" fmla="*/ 182 h 404"/>
                  <a:gd name="T38" fmla="*/ 37 w 70"/>
                  <a:gd name="T39" fmla="*/ 182 h 404"/>
                  <a:gd name="T40" fmla="*/ 44 w 70"/>
                  <a:gd name="T41" fmla="*/ 217 h 404"/>
                  <a:gd name="T42" fmla="*/ 39 w 70"/>
                  <a:gd name="T43" fmla="*/ 208 h 404"/>
                  <a:gd name="T44" fmla="*/ 43 w 70"/>
                  <a:gd name="T45" fmla="*/ 240 h 404"/>
                  <a:gd name="T46" fmla="*/ 40 w 70"/>
                  <a:gd name="T47" fmla="*/ 230 h 404"/>
                  <a:gd name="T48" fmla="*/ 37 w 70"/>
                  <a:gd name="T49" fmla="*/ 227 h 404"/>
                  <a:gd name="T50" fmla="*/ 39 w 70"/>
                  <a:gd name="T51" fmla="*/ 251 h 404"/>
                  <a:gd name="T52" fmla="*/ 46 w 70"/>
                  <a:gd name="T53" fmla="*/ 295 h 404"/>
                  <a:gd name="T54" fmla="*/ 37 w 70"/>
                  <a:gd name="T55" fmla="*/ 261 h 404"/>
                  <a:gd name="T56" fmla="*/ 35 w 70"/>
                  <a:gd name="T57" fmla="*/ 255 h 404"/>
                  <a:gd name="T58" fmla="*/ 36 w 70"/>
                  <a:gd name="T59" fmla="*/ 292 h 404"/>
                  <a:gd name="T60" fmla="*/ 33 w 70"/>
                  <a:gd name="T61" fmla="*/ 310 h 404"/>
                  <a:gd name="T62" fmla="*/ 32 w 70"/>
                  <a:gd name="T63" fmla="*/ 290 h 404"/>
                  <a:gd name="T64" fmla="*/ 7 w 70"/>
                  <a:gd name="T65" fmla="*/ 345 h 404"/>
                  <a:gd name="T66" fmla="*/ 30 w 70"/>
                  <a:gd name="T67" fmla="*/ 264 h 404"/>
                  <a:gd name="T68" fmla="*/ 26 w 70"/>
                  <a:gd name="T69" fmla="*/ 282 h 404"/>
                  <a:gd name="T70" fmla="*/ 31 w 70"/>
                  <a:gd name="T71" fmla="*/ 236 h 404"/>
                  <a:gd name="T72" fmla="*/ 5 w 70"/>
                  <a:gd name="T73" fmla="*/ 272 h 404"/>
                  <a:gd name="T74" fmla="*/ 31 w 70"/>
                  <a:gd name="T75" fmla="*/ 223 h 404"/>
                  <a:gd name="T76" fmla="*/ 28 w 70"/>
                  <a:gd name="T77" fmla="*/ 212 h 404"/>
                  <a:gd name="T78" fmla="*/ 31 w 70"/>
                  <a:gd name="T79" fmla="*/ 193 h 404"/>
                  <a:gd name="T80" fmla="*/ 26 w 70"/>
                  <a:gd name="T81" fmla="*/ 193 h 404"/>
                  <a:gd name="T82" fmla="*/ 15 w 70"/>
                  <a:gd name="T83" fmla="*/ 228 h 404"/>
                  <a:gd name="T84" fmla="*/ 26 w 70"/>
                  <a:gd name="T85" fmla="*/ 162 h 404"/>
                  <a:gd name="T86" fmla="*/ 29 w 70"/>
                  <a:gd name="T87" fmla="*/ 138 h 404"/>
                  <a:gd name="T88" fmla="*/ 26 w 70"/>
                  <a:gd name="T89" fmla="*/ 133 h 404"/>
                  <a:gd name="T90" fmla="*/ 26 w 70"/>
                  <a:gd name="T91" fmla="*/ 111 h 404"/>
                  <a:gd name="T92" fmla="*/ 24 w 70"/>
                  <a:gd name="T93" fmla="*/ 108 h 404"/>
                  <a:gd name="T94" fmla="*/ 16 w 70"/>
                  <a:gd name="T95" fmla="*/ 129 h 404"/>
                  <a:gd name="T96" fmla="*/ 23 w 70"/>
                  <a:gd name="T97" fmla="*/ 96 h 404"/>
                  <a:gd name="T98" fmla="*/ 22 w 70"/>
                  <a:gd name="T99" fmla="*/ 68 h 404"/>
                  <a:gd name="T100" fmla="*/ 23 w 70"/>
                  <a:gd name="T101" fmla="*/ 51 h 404"/>
                  <a:gd name="T102" fmla="*/ 15 w 70"/>
                  <a:gd name="T103" fmla="*/ 50 h 404"/>
                  <a:gd name="T104" fmla="*/ 18 w 70"/>
                  <a:gd name="T105" fmla="*/ 27 h 404"/>
                  <a:gd name="T106" fmla="*/ 14 w 70"/>
                  <a:gd name="T107" fmla="*/ 21 h 404"/>
                  <a:gd name="T108" fmla="*/ 15 w 70"/>
                  <a:gd name="T109" fmla="*/ 0 h 40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70" h="404">
                    <a:moveTo>
                      <a:pt x="15" y="0"/>
                    </a:moveTo>
                    <a:lnTo>
                      <a:pt x="18" y="1"/>
                    </a:lnTo>
                    <a:lnTo>
                      <a:pt x="22" y="5"/>
                    </a:lnTo>
                    <a:lnTo>
                      <a:pt x="19" y="6"/>
                    </a:lnTo>
                    <a:lnTo>
                      <a:pt x="21" y="11"/>
                    </a:lnTo>
                    <a:lnTo>
                      <a:pt x="23" y="16"/>
                    </a:lnTo>
                    <a:lnTo>
                      <a:pt x="28" y="19"/>
                    </a:lnTo>
                    <a:lnTo>
                      <a:pt x="33" y="18"/>
                    </a:lnTo>
                    <a:lnTo>
                      <a:pt x="39" y="15"/>
                    </a:lnTo>
                    <a:lnTo>
                      <a:pt x="55" y="18"/>
                    </a:lnTo>
                    <a:lnTo>
                      <a:pt x="39" y="16"/>
                    </a:lnTo>
                    <a:lnTo>
                      <a:pt x="33" y="20"/>
                    </a:lnTo>
                    <a:lnTo>
                      <a:pt x="28" y="19"/>
                    </a:lnTo>
                    <a:lnTo>
                      <a:pt x="23" y="23"/>
                    </a:lnTo>
                    <a:lnTo>
                      <a:pt x="26" y="27"/>
                    </a:lnTo>
                    <a:lnTo>
                      <a:pt x="25" y="29"/>
                    </a:lnTo>
                    <a:lnTo>
                      <a:pt x="30" y="38"/>
                    </a:lnTo>
                    <a:lnTo>
                      <a:pt x="41" y="37"/>
                    </a:lnTo>
                    <a:lnTo>
                      <a:pt x="55" y="69"/>
                    </a:lnTo>
                    <a:lnTo>
                      <a:pt x="41" y="38"/>
                    </a:lnTo>
                    <a:lnTo>
                      <a:pt x="30" y="40"/>
                    </a:lnTo>
                    <a:lnTo>
                      <a:pt x="26" y="42"/>
                    </a:lnTo>
                    <a:lnTo>
                      <a:pt x="33" y="52"/>
                    </a:lnTo>
                    <a:lnTo>
                      <a:pt x="29" y="52"/>
                    </a:lnTo>
                    <a:lnTo>
                      <a:pt x="35" y="65"/>
                    </a:lnTo>
                    <a:lnTo>
                      <a:pt x="47" y="81"/>
                    </a:lnTo>
                    <a:lnTo>
                      <a:pt x="61" y="109"/>
                    </a:lnTo>
                    <a:lnTo>
                      <a:pt x="47" y="84"/>
                    </a:lnTo>
                    <a:lnTo>
                      <a:pt x="35" y="68"/>
                    </a:lnTo>
                    <a:lnTo>
                      <a:pt x="31" y="68"/>
                    </a:lnTo>
                    <a:lnTo>
                      <a:pt x="37" y="77"/>
                    </a:lnTo>
                    <a:lnTo>
                      <a:pt x="33" y="80"/>
                    </a:lnTo>
                    <a:lnTo>
                      <a:pt x="38" y="92"/>
                    </a:lnTo>
                    <a:lnTo>
                      <a:pt x="67" y="189"/>
                    </a:lnTo>
                    <a:lnTo>
                      <a:pt x="38" y="94"/>
                    </a:lnTo>
                    <a:lnTo>
                      <a:pt x="34" y="94"/>
                    </a:lnTo>
                    <a:lnTo>
                      <a:pt x="38" y="108"/>
                    </a:lnTo>
                    <a:lnTo>
                      <a:pt x="35" y="107"/>
                    </a:lnTo>
                    <a:lnTo>
                      <a:pt x="39" y="126"/>
                    </a:lnTo>
                    <a:lnTo>
                      <a:pt x="51" y="159"/>
                    </a:lnTo>
                    <a:lnTo>
                      <a:pt x="64" y="207"/>
                    </a:lnTo>
                    <a:lnTo>
                      <a:pt x="51" y="160"/>
                    </a:lnTo>
                    <a:lnTo>
                      <a:pt x="39" y="127"/>
                    </a:lnTo>
                    <a:lnTo>
                      <a:pt x="35" y="122"/>
                    </a:lnTo>
                    <a:lnTo>
                      <a:pt x="38" y="135"/>
                    </a:lnTo>
                    <a:lnTo>
                      <a:pt x="35" y="133"/>
                    </a:lnTo>
                    <a:lnTo>
                      <a:pt x="39" y="151"/>
                    </a:lnTo>
                    <a:lnTo>
                      <a:pt x="49" y="186"/>
                    </a:lnTo>
                    <a:lnTo>
                      <a:pt x="69" y="231"/>
                    </a:lnTo>
                    <a:lnTo>
                      <a:pt x="50" y="187"/>
                    </a:lnTo>
                    <a:lnTo>
                      <a:pt x="39" y="152"/>
                    </a:lnTo>
                    <a:lnTo>
                      <a:pt x="37" y="152"/>
                    </a:lnTo>
                    <a:lnTo>
                      <a:pt x="55" y="255"/>
                    </a:lnTo>
                    <a:lnTo>
                      <a:pt x="37" y="152"/>
                    </a:lnTo>
                    <a:lnTo>
                      <a:pt x="39" y="166"/>
                    </a:lnTo>
                    <a:lnTo>
                      <a:pt x="37" y="161"/>
                    </a:lnTo>
                    <a:lnTo>
                      <a:pt x="40" y="182"/>
                    </a:lnTo>
                    <a:lnTo>
                      <a:pt x="53" y="230"/>
                    </a:lnTo>
                    <a:lnTo>
                      <a:pt x="40" y="186"/>
                    </a:lnTo>
                    <a:lnTo>
                      <a:pt x="37" y="182"/>
                    </a:lnTo>
                    <a:lnTo>
                      <a:pt x="40" y="196"/>
                    </a:lnTo>
                    <a:lnTo>
                      <a:pt x="55" y="290"/>
                    </a:lnTo>
                    <a:lnTo>
                      <a:pt x="44" y="217"/>
                    </a:lnTo>
                    <a:lnTo>
                      <a:pt x="39" y="196"/>
                    </a:lnTo>
                    <a:lnTo>
                      <a:pt x="37" y="193"/>
                    </a:lnTo>
                    <a:lnTo>
                      <a:pt x="39" y="208"/>
                    </a:lnTo>
                    <a:lnTo>
                      <a:pt x="37" y="206"/>
                    </a:lnTo>
                    <a:lnTo>
                      <a:pt x="41" y="225"/>
                    </a:lnTo>
                    <a:lnTo>
                      <a:pt x="43" y="240"/>
                    </a:lnTo>
                    <a:lnTo>
                      <a:pt x="62" y="294"/>
                    </a:lnTo>
                    <a:lnTo>
                      <a:pt x="42" y="242"/>
                    </a:lnTo>
                    <a:lnTo>
                      <a:pt x="40" y="230"/>
                    </a:lnTo>
                    <a:lnTo>
                      <a:pt x="38" y="227"/>
                    </a:lnTo>
                    <a:lnTo>
                      <a:pt x="42" y="258"/>
                    </a:lnTo>
                    <a:lnTo>
                      <a:pt x="37" y="227"/>
                    </a:lnTo>
                    <a:lnTo>
                      <a:pt x="40" y="242"/>
                    </a:lnTo>
                    <a:lnTo>
                      <a:pt x="37" y="238"/>
                    </a:lnTo>
                    <a:lnTo>
                      <a:pt x="39" y="251"/>
                    </a:lnTo>
                    <a:lnTo>
                      <a:pt x="46" y="295"/>
                    </a:lnTo>
                    <a:lnTo>
                      <a:pt x="52" y="322"/>
                    </a:lnTo>
                    <a:lnTo>
                      <a:pt x="46" y="295"/>
                    </a:lnTo>
                    <a:lnTo>
                      <a:pt x="39" y="253"/>
                    </a:lnTo>
                    <a:lnTo>
                      <a:pt x="37" y="251"/>
                    </a:lnTo>
                    <a:lnTo>
                      <a:pt x="37" y="261"/>
                    </a:lnTo>
                    <a:lnTo>
                      <a:pt x="42" y="290"/>
                    </a:lnTo>
                    <a:lnTo>
                      <a:pt x="37" y="264"/>
                    </a:lnTo>
                    <a:lnTo>
                      <a:pt x="35" y="255"/>
                    </a:lnTo>
                    <a:lnTo>
                      <a:pt x="38" y="278"/>
                    </a:lnTo>
                    <a:lnTo>
                      <a:pt x="35" y="274"/>
                    </a:lnTo>
                    <a:lnTo>
                      <a:pt x="36" y="292"/>
                    </a:lnTo>
                    <a:lnTo>
                      <a:pt x="34" y="284"/>
                    </a:lnTo>
                    <a:lnTo>
                      <a:pt x="33" y="291"/>
                    </a:lnTo>
                    <a:lnTo>
                      <a:pt x="33" y="310"/>
                    </a:lnTo>
                    <a:lnTo>
                      <a:pt x="45" y="403"/>
                    </a:lnTo>
                    <a:lnTo>
                      <a:pt x="32" y="310"/>
                    </a:lnTo>
                    <a:lnTo>
                      <a:pt x="32" y="290"/>
                    </a:lnTo>
                    <a:lnTo>
                      <a:pt x="32" y="277"/>
                    </a:lnTo>
                    <a:lnTo>
                      <a:pt x="29" y="284"/>
                    </a:lnTo>
                    <a:lnTo>
                      <a:pt x="7" y="345"/>
                    </a:lnTo>
                    <a:lnTo>
                      <a:pt x="30" y="278"/>
                    </a:lnTo>
                    <a:lnTo>
                      <a:pt x="32" y="261"/>
                    </a:lnTo>
                    <a:lnTo>
                      <a:pt x="30" y="264"/>
                    </a:lnTo>
                    <a:lnTo>
                      <a:pt x="33" y="244"/>
                    </a:lnTo>
                    <a:lnTo>
                      <a:pt x="30" y="252"/>
                    </a:lnTo>
                    <a:lnTo>
                      <a:pt x="26" y="282"/>
                    </a:lnTo>
                    <a:lnTo>
                      <a:pt x="30" y="250"/>
                    </a:lnTo>
                    <a:lnTo>
                      <a:pt x="32" y="236"/>
                    </a:lnTo>
                    <a:lnTo>
                      <a:pt x="31" y="236"/>
                    </a:lnTo>
                    <a:lnTo>
                      <a:pt x="29" y="244"/>
                    </a:lnTo>
                    <a:lnTo>
                      <a:pt x="23" y="260"/>
                    </a:lnTo>
                    <a:lnTo>
                      <a:pt x="5" y="272"/>
                    </a:lnTo>
                    <a:lnTo>
                      <a:pt x="23" y="258"/>
                    </a:lnTo>
                    <a:lnTo>
                      <a:pt x="30" y="238"/>
                    </a:lnTo>
                    <a:lnTo>
                      <a:pt x="31" y="223"/>
                    </a:lnTo>
                    <a:lnTo>
                      <a:pt x="29" y="223"/>
                    </a:lnTo>
                    <a:lnTo>
                      <a:pt x="31" y="208"/>
                    </a:lnTo>
                    <a:lnTo>
                      <a:pt x="28" y="212"/>
                    </a:lnTo>
                    <a:lnTo>
                      <a:pt x="15" y="240"/>
                    </a:lnTo>
                    <a:lnTo>
                      <a:pt x="28" y="211"/>
                    </a:lnTo>
                    <a:lnTo>
                      <a:pt x="31" y="193"/>
                    </a:lnTo>
                    <a:lnTo>
                      <a:pt x="28" y="198"/>
                    </a:lnTo>
                    <a:lnTo>
                      <a:pt x="30" y="184"/>
                    </a:lnTo>
                    <a:lnTo>
                      <a:pt x="26" y="193"/>
                    </a:lnTo>
                    <a:lnTo>
                      <a:pt x="29" y="172"/>
                    </a:lnTo>
                    <a:lnTo>
                      <a:pt x="26" y="183"/>
                    </a:lnTo>
                    <a:lnTo>
                      <a:pt x="15" y="228"/>
                    </a:lnTo>
                    <a:lnTo>
                      <a:pt x="26" y="183"/>
                    </a:lnTo>
                    <a:lnTo>
                      <a:pt x="29" y="157"/>
                    </a:lnTo>
                    <a:lnTo>
                      <a:pt x="26" y="162"/>
                    </a:lnTo>
                    <a:lnTo>
                      <a:pt x="7" y="187"/>
                    </a:lnTo>
                    <a:lnTo>
                      <a:pt x="26" y="161"/>
                    </a:lnTo>
                    <a:lnTo>
                      <a:pt x="29" y="138"/>
                    </a:lnTo>
                    <a:lnTo>
                      <a:pt x="26" y="142"/>
                    </a:lnTo>
                    <a:lnTo>
                      <a:pt x="28" y="129"/>
                    </a:lnTo>
                    <a:lnTo>
                      <a:pt x="26" y="133"/>
                    </a:lnTo>
                    <a:lnTo>
                      <a:pt x="16" y="197"/>
                    </a:lnTo>
                    <a:lnTo>
                      <a:pt x="26" y="128"/>
                    </a:lnTo>
                    <a:lnTo>
                      <a:pt x="26" y="111"/>
                    </a:lnTo>
                    <a:lnTo>
                      <a:pt x="23" y="119"/>
                    </a:lnTo>
                    <a:lnTo>
                      <a:pt x="18" y="155"/>
                    </a:lnTo>
                    <a:lnTo>
                      <a:pt x="24" y="108"/>
                    </a:lnTo>
                    <a:lnTo>
                      <a:pt x="26" y="94"/>
                    </a:lnTo>
                    <a:lnTo>
                      <a:pt x="23" y="100"/>
                    </a:lnTo>
                    <a:lnTo>
                      <a:pt x="16" y="129"/>
                    </a:lnTo>
                    <a:lnTo>
                      <a:pt x="0" y="145"/>
                    </a:lnTo>
                    <a:lnTo>
                      <a:pt x="16" y="127"/>
                    </a:lnTo>
                    <a:lnTo>
                      <a:pt x="23" y="96"/>
                    </a:lnTo>
                    <a:lnTo>
                      <a:pt x="23" y="76"/>
                    </a:lnTo>
                    <a:lnTo>
                      <a:pt x="21" y="86"/>
                    </a:lnTo>
                    <a:lnTo>
                      <a:pt x="22" y="68"/>
                    </a:lnTo>
                    <a:lnTo>
                      <a:pt x="11" y="115"/>
                    </a:lnTo>
                    <a:lnTo>
                      <a:pt x="21" y="65"/>
                    </a:lnTo>
                    <a:lnTo>
                      <a:pt x="23" y="51"/>
                    </a:lnTo>
                    <a:lnTo>
                      <a:pt x="19" y="62"/>
                    </a:lnTo>
                    <a:lnTo>
                      <a:pt x="20" y="40"/>
                    </a:lnTo>
                    <a:lnTo>
                      <a:pt x="15" y="50"/>
                    </a:lnTo>
                    <a:lnTo>
                      <a:pt x="0" y="88"/>
                    </a:lnTo>
                    <a:lnTo>
                      <a:pt x="15" y="49"/>
                    </a:lnTo>
                    <a:lnTo>
                      <a:pt x="18" y="27"/>
                    </a:lnTo>
                    <a:lnTo>
                      <a:pt x="15" y="33"/>
                    </a:lnTo>
                    <a:lnTo>
                      <a:pt x="16" y="16"/>
                    </a:lnTo>
                    <a:lnTo>
                      <a:pt x="14" y="21"/>
                    </a:lnTo>
                    <a:lnTo>
                      <a:pt x="13" y="8"/>
                    </a:lnTo>
                    <a:lnTo>
                      <a:pt x="14" y="3"/>
                    </a:lnTo>
                    <a:lnTo>
                      <a:pt x="15"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60" name="Group 38"/>
              <p:cNvGrpSpPr>
                <a:grpSpLocks/>
              </p:cNvGrpSpPr>
              <p:nvPr/>
            </p:nvGrpSpPr>
            <p:grpSpPr bwMode="auto">
              <a:xfrm>
                <a:off x="139" y="3607"/>
                <a:ext cx="217" cy="566"/>
                <a:chOff x="139" y="3607"/>
                <a:chExt cx="217" cy="566"/>
              </a:xfrm>
            </p:grpSpPr>
            <p:sp>
              <p:nvSpPr>
                <p:cNvPr id="90" name="Freeform 36"/>
                <p:cNvSpPr>
                  <a:spLocks/>
                </p:cNvSpPr>
                <p:nvPr/>
              </p:nvSpPr>
              <p:spPr bwMode="ltGray">
                <a:xfrm>
                  <a:off x="308" y="3918"/>
                  <a:ext cx="48" cy="255"/>
                </a:xfrm>
                <a:custGeom>
                  <a:avLst/>
                  <a:gdLst>
                    <a:gd name="T0" fmla="*/ 37 w 48"/>
                    <a:gd name="T1" fmla="*/ 0 h 255"/>
                    <a:gd name="T2" fmla="*/ 34 w 48"/>
                    <a:gd name="T3" fmla="*/ 5 h 255"/>
                    <a:gd name="T4" fmla="*/ 18 w 48"/>
                    <a:gd name="T5" fmla="*/ 50 h 255"/>
                    <a:gd name="T6" fmla="*/ 9 w 48"/>
                    <a:gd name="T7" fmla="*/ 92 h 255"/>
                    <a:gd name="T8" fmla="*/ 0 w 48"/>
                    <a:gd name="T9" fmla="*/ 145 h 255"/>
                    <a:gd name="T10" fmla="*/ 0 w 48"/>
                    <a:gd name="T11" fmla="*/ 203 h 255"/>
                    <a:gd name="T12" fmla="*/ 4 w 48"/>
                    <a:gd name="T13" fmla="*/ 254 h 255"/>
                    <a:gd name="T14" fmla="*/ 9 w 48"/>
                    <a:gd name="T15" fmla="*/ 254 h 255"/>
                    <a:gd name="T16" fmla="*/ 4 w 48"/>
                    <a:gd name="T17" fmla="*/ 203 h 255"/>
                    <a:gd name="T18" fmla="*/ 4 w 48"/>
                    <a:gd name="T19" fmla="*/ 161 h 255"/>
                    <a:gd name="T20" fmla="*/ 14 w 48"/>
                    <a:gd name="T21" fmla="*/ 115 h 255"/>
                    <a:gd name="T22" fmla="*/ 28 w 48"/>
                    <a:gd name="T23" fmla="*/ 69 h 255"/>
                    <a:gd name="T24" fmla="*/ 47 w 48"/>
                    <a:gd name="T25" fmla="*/ 11 h 255"/>
                    <a:gd name="T26" fmla="*/ 37 w 48"/>
                    <a:gd name="T27" fmla="*/ 0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8" h="255">
                      <a:moveTo>
                        <a:pt x="37" y="0"/>
                      </a:moveTo>
                      <a:lnTo>
                        <a:pt x="34" y="5"/>
                      </a:lnTo>
                      <a:lnTo>
                        <a:pt x="18" y="50"/>
                      </a:lnTo>
                      <a:lnTo>
                        <a:pt x="9" y="92"/>
                      </a:lnTo>
                      <a:lnTo>
                        <a:pt x="0" y="145"/>
                      </a:lnTo>
                      <a:lnTo>
                        <a:pt x="0" y="203"/>
                      </a:lnTo>
                      <a:lnTo>
                        <a:pt x="4" y="254"/>
                      </a:lnTo>
                      <a:lnTo>
                        <a:pt x="9" y="254"/>
                      </a:lnTo>
                      <a:lnTo>
                        <a:pt x="4" y="203"/>
                      </a:lnTo>
                      <a:lnTo>
                        <a:pt x="4" y="161"/>
                      </a:lnTo>
                      <a:lnTo>
                        <a:pt x="14" y="115"/>
                      </a:lnTo>
                      <a:lnTo>
                        <a:pt x="28" y="69"/>
                      </a:lnTo>
                      <a:lnTo>
                        <a:pt x="47" y="11"/>
                      </a:lnTo>
                      <a:lnTo>
                        <a:pt x="37"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91" name="Freeform 37"/>
                <p:cNvSpPr>
                  <a:spLocks/>
                </p:cNvSpPr>
                <p:nvPr/>
              </p:nvSpPr>
              <p:spPr bwMode="ltGray">
                <a:xfrm>
                  <a:off x="139" y="3607"/>
                  <a:ext cx="186" cy="326"/>
                </a:xfrm>
                <a:custGeom>
                  <a:avLst/>
                  <a:gdLst>
                    <a:gd name="T0" fmla="*/ 84 w 186"/>
                    <a:gd name="T1" fmla="*/ 8 h 326"/>
                    <a:gd name="T2" fmla="*/ 13 w 186"/>
                    <a:gd name="T3" fmla="*/ 14 h 326"/>
                    <a:gd name="T4" fmla="*/ 79 w 186"/>
                    <a:gd name="T5" fmla="*/ 14 h 326"/>
                    <a:gd name="T6" fmla="*/ 68 w 186"/>
                    <a:gd name="T7" fmla="*/ 28 h 326"/>
                    <a:gd name="T8" fmla="*/ 68 w 186"/>
                    <a:gd name="T9" fmla="*/ 34 h 326"/>
                    <a:gd name="T10" fmla="*/ 36 w 186"/>
                    <a:gd name="T11" fmla="*/ 49 h 326"/>
                    <a:gd name="T12" fmla="*/ 60 w 186"/>
                    <a:gd name="T13" fmla="*/ 43 h 326"/>
                    <a:gd name="T14" fmla="*/ 60 w 186"/>
                    <a:gd name="T15" fmla="*/ 51 h 326"/>
                    <a:gd name="T16" fmla="*/ 66 w 186"/>
                    <a:gd name="T17" fmla="*/ 54 h 326"/>
                    <a:gd name="T18" fmla="*/ 8 w 186"/>
                    <a:gd name="T19" fmla="*/ 88 h 326"/>
                    <a:gd name="T20" fmla="*/ 63 w 186"/>
                    <a:gd name="T21" fmla="*/ 71 h 326"/>
                    <a:gd name="T22" fmla="*/ 49 w 186"/>
                    <a:gd name="T23" fmla="*/ 94 h 326"/>
                    <a:gd name="T24" fmla="*/ 8 w 186"/>
                    <a:gd name="T25" fmla="*/ 109 h 326"/>
                    <a:gd name="T26" fmla="*/ 52 w 186"/>
                    <a:gd name="T27" fmla="*/ 97 h 326"/>
                    <a:gd name="T28" fmla="*/ 18 w 186"/>
                    <a:gd name="T29" fmla="*/ 122 h 326"/>
                    <a:gd name="T30" fmla="*/ 39 w 186"/>
                    <a:gd name="T31" fmla="*/ 111 h 326"/>
                    <a:gd name="T32" fmla="*/ 52 w 186"/>
                    <a:gd name="T33" fmla="*/ 109 h 326"/>
                    <a:gd name="T34" fmla="*/ 52 w 186"/>
                    <a:gd name="T35" fmla="*/ 117 h 326"/>
                    <a:gd name="T36" fmla="*/ 44 w 186"/>
                    <a:gd name="T37" fmla="*/ 133 h 326"/>
                    <a:gd name="T38" fmla="*/ 5 w 186"/>
                    <a:gd name="T39" fmla="*/ 154 h 326"/>
                    <a:gd name="T40" fmla="*/ 49 w 186"/>
                    <a:gd name="T41" fmla="*/ 136 h 326"/>
                    <a:gd name="T42" fmla="*/ 42 w 186"/>
                    <a:gd name="T43" fmla="*/ 160 h 326"/>
                    <a:gd name="T44" fmla="*/ 32 w 186"/>
                    <a:gd name="T45" fmla="*/ 174 h 326"/>
                    <a:gd name="T46" fmla="*/ 36 w 186"/>
                    <a:gd name="T47" fmla="*/ 174 h 326"/>
                    <a:gd name="T48" fmla="*/ 36 w 186"/>
                    <a:gd name="T49" fmla="*/ 182 h 326"/>
                    <a:gd name="T50" fmla="*/ 8 w 186"/>
                    <a:gd name="T51" fmla="*/ 202 h 326"/>
                    <a:gd name="T52" fmla="*/ 32 w 186"/>
                    <a:gd name="T53" fmla="*/ 199 h 326"/>
                    <a:gd name="T54" fmla="*/ 32 w 186"/>
                    <a:gd name="T55" fmla="*/ 202 h 326"/>
                    <a:gd name="T56" fmla="*/ 34 w 186"/>
                    <a:gd name="T57" fmla="*/ 211 h 326"/>
                    <a:gd name="T58" fmla="*/ 28 w 186"/>
                    <a:gd name="T59" fmla="*/ 228 h 326"/>
                    <a:gd name="T60" fmla="*/ 34 w 186"/>
                    <a:gd name="T61" fmla="*/ 237 h 326"/>
                    <a:gd name="T62" fmla="*/ 36 w 186"/>
                    <a:gd name="T63" fmla="*/ 273 h 326"/>
                    <a:gd name="T64" fmla="*/ 42 w 186"/>
                    <a:gd name="T65" fmla="*/ 228 h 326"/>
                    <a:gd name="T66" fmla="*/ 86 w 186"/>
                    <a:gd name="T67" fmla="*/ 325 h 326"/>
                    <a:gd name="T68" fmla="*/ 60 w 186"/>
                    <a:gd name="T69" fmla="*/ 211 h 326"/>
                    <a:gd name="T70" fmla="*/ 60 w 186"/>
                    <a:gd name="T71" fmla="*/ 208 h 326"/>
                    <a:gd name="T72" fmla="*/ 63 w 186"/>
                    <a:gd name="T73" fmla="*/ 199 h 326"/>
                    <a:gd name="T74" fmla="*/ 100 w 186"/>
                    <a:gd name="T75" fmla="*/ 256 h 326"/>
                    <a:gd name="T76" fmla="*/ 76 w 186"/>
                    <a:gd name="T77" fmla="*/ 225 h 326"/>
                    <a:gd name="T78" fmla="*/ 68 w 186"/>
                    <a:gd name="T79" fmla="*/ 174 h 326"/>
                    <a:gd name="T80" fmla="*/ 70 w 186"/>
                    <a:gd name="T81" fmla="*/ 160 h 326"/>
                    <a:gd name="T82" fmla="*/ 84 w 186"/>
                    <a:gd name="T83" fmla="*/ 193 h 326"/>
                    <a:gd name="T84" fmla="*/ 76 w 186"/>
                    <a:gd name="T85" fmla="*/ 142 h 326"/>
                    <a:gd name="T86" fmla="*/ 89 w 186"/>
                    <a:gd name="T87" fmla="*/ 133 h 326"/>
                    <a:gd name="T88" fmla="*/ 100 w 186"/>
                    <a:gd name="T89" fmla="*/ 168 h 326"/>
                    <a:gd name="T90" fmla="*/ 86 w 186"/>
                    <a:gd name="T91" fmla="*/ 109 h 326"/>
                    <a:gd name="T92" fmla="*/ 89 w 186"/>
                    <a:gd name="T93" fmla="*/ 102 h 326"/>
                    <a:gd name="T94" fmla="*/ 92 w 186"/>
                    <a:gd name="T95" fmla="*/ 74 h 326"/>
                    <a:gd name="T96" fmla="*/ 105 w 186"/>
                    <a:gd name="T97" fmla="*/ 76 h 326"/>
                    <a:gd name="T98" fmla="*/ 152 w 186"/>
                    <a:gd name="T99" fmla="*/ 151 h 326"/>
                    <a:gd name="T100" fmla="*/ 118 w 186"/>
                    <a:gd name="T101" fmla="*/ 109 h 326"/>
                    <a:gd name="T102" fmla="*/ 100 w 186"/>
                    <a:gd name="T103" fmla="*/ 49 h 326"/>
                    <a:gd name="T104" fmla="*/ 105 w 186"/>
                    <a:gd name="T105" fmla="*/ 38 h 326"/>
                    <a:gd name="T106" fmla="*/ 128 w 186"/>
                    <a:gd name="T107" fmla="*/ 71 h 326"/>
                    <a:gd name="T108" fmla="*/ 123 w 186"/>
                    <a:gd name="T109" fmla="*/ 68 h 326"/>
                    <a:gd name="T110" fmla="*/ 113 w 186"/>
                    <a:gd name="T111" fmla="*/ 22 h 326"/>
                    <a:gd name="T112" fmla="*/ 142 w 186"/>
                    <a:gd name="T113" fmla="*/ 68 h 326"/>
                    <a:gd name="T114" fmla="*/ 123 w 186"/>
                    <a:gd name="T115" fmla="*/ 46 h 326"/>
                    <a:gd name="T116" fmla="*/ 108 w 186"/>
                    <a:gd name="T117" fmla="*/ 2 h 3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86" h="326">
                      <a:moveTo>
                        <a:pt x="104" y="4"/>
                      </a:moveTo>
                      <a:lnTo>
                        <a:pt x="92" y="0"/>
                      </a:lnTo>
                      <a:lnTo>
                        <a:pt x="84" y="8"/>
                      </a:lnTo>
                      <a:lnTo>
                        <a:pt x="76" y="11"/>
                      </a:lnTo>
                      <a:lnTo>
                        <a:pt x="58" y="14"/>
                      </a:lnTo>
                      <a:lnTo>
                        <a:pt x="13" y="14"/>
                      </a:lnTo>
                      <a:lnTo>
                        <a:pt x="58" y="16"/>
                      </a:lnTo>
                      <a:lnTo>
                        <a:pt x="70" y="11"/>
                      </a:lnTo>
                      <a:lnTo>
                        <a:pt x="79" y="14"/>
                      </a:lnTo>
                      <a:lnTo>
                        <a:pt x="68" y="19"/>
                      </a:lnTo>
                      <a:lnTo>
                        <a:pt x="76" y="19"/>
                      </a:lnTo>
                      <a:lnTo>
                        <a:pt x="68" y="28"/>
                      </a:lnTo>
                      <a:lnTo>
                        <a:pt x="10" y="76"/>
                      </a:lnTo>
                      <a:lnTo>
                        <a:pt x="70" y="28"/>
                      </a:lnTo>
                      <a:lnTo>
                        <a:pt x="68" y="34"/>
                      </a:lnTo>
                      <a:lnTo>
                        <a:pt x="60" y="43"/>
                      </a:lnTo>
                      <a:lnTo>
                        <a:pt x="52" y="46"/>
                      </a:lnTo>
                      <a:lnTo>
                        <a:pt x="36" y="49"/>
                      </a:lnTo>
                      <a:lnTo>
                        <a:pt x="10" y="43"/>
                      </a:lnTo>
                      <a:lnTo>
                        <a:pt x="52" y="49"/>
                      </a:lnTo>
                      <a:lnTo>
                        <a:pt x="60" y="43"/>
                      </a:lnTo>
                      <a:lnTo>
                        <a:pt x="68" y="40"/>
                      </a:lnTo>
                      <a:lnTo>
                        <a:pt x="66" y="49"/>
                      </a:lnTo>
                      <a:lnTo>
                        <a:pt x="60" y="51"/>
                      </a:lnTo>
                      <a:lnTo>
                        <a:pt x="8" y="79"/>
                      </a:lnTo>
                      <a:lnTo>
                        <a:pt x="60" y="54"/>
                      </a:lnTo>
                      <a:lnTo>
                        <a:pt x="66" y="54"/>
                      </a:lnTo>
                      <a:lnTo>
                        <a:pt x="60" y="62"/>
                      </a:lnTo>
                      <a:lnTo>
                        <a:pt x="52" y="71"/>
                      </a:lnTo>
                      <a:lnTo>
                        <a:pt x="8" y="88"/>
                      </a:lnTo>
                      <a:lnTo>
                        <a:pt x="58" y="68"/>
                      </a:lnTo>
                      <a:lnTo>
                        <a:pt x="60" y="68"/>
                      </a:lnTo>
                      <a:lnTo>
                        <a:pt x="63" y="71"/>
                      </a:lnTo>
                      <a:lnTo>
                        <a:pt x="52" y="82"/>
                      </a:lnTo>
                      <a:lnTo>
                        <a:pt x="63" y="79"/>
                      </a:lnTo>
                      <a:lnTo>
                        <a:pt x="49" y="94"/>
                      </a:lnTo>
                      <a:lnTo>
                        <a:pt x="39" y="102"/>
                      </a:lnTo>
                      <a:lnTo>
                        <a:pt x="18" y="109"/>
                      </a:lnTo>
                      <a:lnTo>
                        <a:pt x="8" y="109"/>
                      </a:lnTo>
                      <a:lnTo>
                        <a:pt x="26" y="106"/>
                      </a:lnTo>
                      <a:lnTo>
                        <a:pt x="47" y="99"/>
                      </a:lnTo>
                      <a:lnTo>
                        <a:pt x="52" y="97"/>
                      </a:lnTo>
                      <a:lnTo>
                        <a:pt x="47" y="106"/>
                      </a:lnTo>
                      <a:lnTo>
                        <a:pt x="36" y="117"/>
                      </a:lnTo>
                      <a:lnTo>
                        <a:pt x="18" y="122"/>
                      </a:lnTo>
                      <a:lnTo>
                        <a:pt x="0" y="128"/>
                      </a:lnTo>
                      <a:lnTo>
                        <a:pt x="23" y="120"/>
                      </a:lnTo>
                      <a:lnTo>
                        <a:pt x="39" y="111"/>
                      </a:lnTo>
                      <a:lnTo>
                        <a:pt x="52" y="102"/>
                      </a:lnTo>
                      <a:lnTo>
                        <a:pt x="55" y="99"/>
                      </a:lnTo>
                      <a:lnTo>
                        <a:pt x="52" y="109"/>
                      </a:lnTo>
                      <a:lnTo>
                        <a:pt x="58" y="106"/>
                      </a:lnTo>
                      <a:lnTo>
                        <a:pt x="63" y="109"/>
                      </a:lnTo>
                      <a:lnTo>
                        <a:pt x="52" y="117"/>
                      </a:lnTo>
                      <a:lnTo>
                        <a:pt x="52" y="122"/>
                      </a:lnTo>
                      <a:lnTo>
                        <a:pt x="39" y="133"/>
                      </a:lnTo>
                      <a:lnTo>
                        <a:pt x="44" y="133"/>
                      </a:lnTo>
                      <a:lnTo>
                        <a:pt x="39" y="140"/>
                      </a:lnTo>
                      <a:lnTo>
                        <a:pt x="21" y="151"/>
                      </a:lnTo>
                      <a:lnTo>
                        <a:pt x="5" y="154"/>
                      </a:lnTo>
                      <a:lnTo>
                        <a:pt x="28" y="147"/>
                      </a:lnTo>
                      <a:lnTo>
                        <a:pt x="42" y="140"/>
                      </a:lnTo>
                      <a:lnTo>
                        <a:pt x="49" y="136"/>
                      </a:lnTo>
                      <a:lnTo>
                        <a:pt x="49" y="145"/>
                      </a:lnTo>
                      <a:lnTo>
                        <a:pt x="49" y="147"/>
                      </a:lnTo>
                      <a:lnTo>
                        <a:pt x="42" y="160"/>
                      </a:lnTo>
                      <a:lnTo>
                        <a:pt x="34" y="168"/>
                      </a:lnTo>
                      <a:lnTo>
                        <a:pt x="39" y="168"/>
                      </a:lnTo>
                      <a:lnTo>
                        <a:pt x="32" y="174"/>
                      </a:lnTo>
                      <a:lnTo>
                        <a:pt x="5" y="188"/>
                      </a:lnTo>
                      <a:lnTo>
                        <a:pt x="23" y="179"/>
                      </a:lnTo>
                      <a:lnTo>
                        <a:pt x="36" y="174"/>
                      </a:lnTo>
                      <a:lnTo>
                        <a:pt x="36" y="182"/>
                      </a:lnTo>
                      <a:lnTo>
                        <a:pt x="28" y="185"/>
                      </a:lnTo>
                      <a:lnTo>
                        <a:pt x="36" y="182"/>
                      </a:lnTo>
                      <a:lnTo>
                        <a:pt x="36" y="188"/>
                      </a:lnTo>
                      <a:lnTo>
                        <a:pt x="32" y="193"/>
                      </a:lnTo>
                      <a:lnTo>
                        <a:pt x="8" y="202"/>
                      </a:lnTo>
                      <a:lnTo>
                        <a:pt x="28" y="193"/>
                      </a:lnTo>
                      <a:lnTo>
                        <a:pt x="28" y="196"/>
                      </a:lnTo>
                      <a:lnTo>
                        <a:pt x="32" y="199"/>
                      </a:lnTo>
                      <a:lnTo>
                        <a:pt x="8" y="219"/>
                      </a:lnTo>
                      <a:lnTo>
                        <a:pt x="26" y="204"/>
                      </a:lnTo>
                      <a:lnTo>
                        <a:pt x="32" y="202"/>
                      </a:lnTo>
                      <a:lnTo>
                        <a:pt x="34" y="208"/>
                      </a:lnTo>
                      <a:lnTo>
                        <a:pt x="28" y="213"/>
                      </a:lnTo>
                      <a:lnTo>
                        <a:pt x="34" y="211"/>
                      </a:lnTo>
                      <a:lnTo>
                        <a:pt x="28" y="228"/>
                      </a:lnTo>
                      <a:lnTo>
                        <a:pt x="5" y="248"/>
                      </a:lnTo>
                      <a:lnTo>
                        <a:pt x="28" y="228"/>
                      </a:lnTo>
                      <a:lnTo>
                        <a:pt x="26" y="237"/>
                      </a:lnTo>
                      <a:lnTo>
                        <a:pt x="34" y="228"/>
                      </a:lnTo>
                      <a:lnTo>
                        <a:pt x="34" y="237"/>
                      </a:lnTo>
                      <a:lnTo>
                        <a:pt x="36" y="276"/>
                      </a:lnTo>
                      <a:lnTo>
                        <a:pt x="60" y="325"/>
                      </a:lnTo>
                      <a:lnTo>
                        <a:pt x="36" y="273"/>
                      </a:lnTo>
                      <a:lnTo>
                        <a:pt x="36" y="253"/>
                      </a:lnTo>
                      <a:lnTo>
                        <a:pt x="39" y="239"/>
                      </a:lnTo>
                      <a:lnTo>
                        <a:pt x="42" y="228"/>
                      </a:lnTo>
                      <a:lnTo>
                        <a:pt x="47" y="208"/>
                      </a:lnTo>
                      <a:lnTo>
                        <a:pt x="52" y="216"/>
                      </a:lnTo>
                      <a:lnTo>
                        <a:pt x="86" y="325"/>
                      </a:lnTo>
                      <a:lnTo>
                        <a:pt x="55" y="216"/>
                      </a:lnTo>
                      <a:lnTo>
                        <a:pt x="55" y="204"/>
                      </a:lnTo>
                      <a:lnTo>
                        <a:pt x="60" y="211"/>
                      </a:lnTo>
                      <a:lnTo>
                        <a:pt x="66" y="316"/>
                      </a:lnTo>
                      <a:lnTo>
                        <a:pt x="63" y="225"/>
                      </a:lnTo>
                      <a:lnTo>
                        <a:pt x="60" y="208"/>
                      </a:lnTo>
                      <a:lnTo>
                        <a:pt x="58" y="202"/>
                      </a:lnTo>
                      <a:lnTo>
                        <a:pt x="60" y="188"/>
                      </a:lnTo>
                      <a:lnTo>
                        <a:pt x="63" y="199"/>
                      </a:lnTo>
                      <a:lnTo>
                        <a:pt x="70" y="222"/>
                      </a:lnTo>
                      <a:lnTo>
                        <a:pt x="79" y="237"/>
                      </a:lnTo>
                      <a:lnTo>
                        <a:pt x="100" y="256"/>
                      </a:lnTo>
                      <a:lnTo>
                        <a:pt x="145" y="294"/>
                      </a:lnTo>
                      <a:lnTo>
                        <a:pt x="86" y="239"/>
                      </a:lnTo>
                      <a:lnTo>
                        <a:pt x="76" y="225"/>
                      </a:lnTo>
                      <a:lnTo>
                        <a:pt x="70" y="216"/>
                      </a:lnTo>
                      <a:lnTo>
                        <a:pt x="66" y="204"/>
                      </a:lnTo>
                      <a:lnTo>
                        <a:pt x="68" y="174"/>
                      </a:lnTo>
                      <a:lnTo>
                        <a:pt x="70" y="182"/>
                      </a:lnTo>
                      <a:lnTo>
                        <a:pt x="70" y="165"/>
                      </a:lnTo>
                      <a:lnTo>
                        <a:pt x="70" y="160"/>
                      </a:lnTo>
                      <a:lnTo>
                        <a:pt x="76" y="174"/>
                      </a:lnTo>
                      <a:lnTo>
                        <a:pt x="126" y="279"/>
                      </a:lnTo>
                      <a:lnTo>
                        <a:pt x="84" y="193"/>
                      </a:lnTo>
                      <a:lnTo>
                        <a:pt x="79" y="185"/>
                      </a:lnTo>
                      <a:lnTo>
                        <a:pt x="76" y="174"/>
                      </a:lnTo>
                      <a:lnTo>
                        <a:pt x="76" y="142"/>
                      </a:lnTo>
                      <a:lnTo>
                        <a:pt x="79" y="145"/>
                      </a:lnTo>
                      <a:lnTo>
                        <a:pt x="81" y="128"/>
                      </a:lnTo>
                      <a:lnTo>
                        <a:pt x="89" y="133"/>
                      </a:lnTo>
                      <a:lnTo>
                        <a:pt x="128" y="251"/>
                      </a:lnTo>
                      <a:lnTo>
                        <a:pt x="108" y="193"/>
                      </a:lnTo>
                      <a:lnTo>
                        <a:pt x="100" y="168"/>
                      </a:lnTo>
                      <a:lnTo>
                        <a:pt x="89" y="145"/>
                      </a:lnTo>
                      <a:lnTo>
                        <a:pt x="89" y="131"/>
                      </a:lnTo>
                      <a:lnTo>
                        <a:pt x="86" y="109"/>
                      </a:lnTo>
                      <a:lnTo>
                        <a:pt x="92" y="111"/>
                      </a:lnTo>
                      <a:lnTo>
                        <a:pt x="113" y="228"/>
                      </a:lnTo>
                      <a:lnTo>
                        <a:pt x="89" y="102"/>
                      </a:lnTo>
                      <a:lnTo>
                        <a:pt x="89" y="91"/>
                      </a:lnTo>
                      <a:lnTo>
                        <a:pt x="92" y="99"/>
                      </a:lnTo>
                      <a:lnTo>
                        <a:pt x="92" y="74"/>
                      </a:lnTo>
                      <a:lnTo>
                        <a:pt x="97" y="82"/>
                      </a:lnTo>
                      <a:lnTo>
                        <a:pt x="97" y="68"/>
                      </a:lnTo>
                      <a:lnTo>
                        <a:pt x="105" y="76"/>
                      </a:lnTo>
                      <a:lnTo>
                        <a:pt x="116" y="106"/>
                      </a:lnTo>
                      <a:lnTo>
                        <a:pt x="128" y="122"/>
                      </a:lnTo>
                      <a:lnTo>
                        <a:pt x="152" y="151"/>
                      </a:lnTo>
                      <a:lnTo>
                        <a:pt x="166" y="177"/>
                      </a:lnTo>
                      <a:lnTo>
                        <a:pt x="128" y="122"/>
                      </a:lnTo>
                      <a:lnTo>
                        <a:pt x="118" y="109"/>
                      </a:lnTo>
                      <a:lnTo>
                        <a:pt x="108" y="88"/>
                      </a:lnTo>
                      <a:lnTo>
                        <a:pt x="105" y="74"/>
                      </a:lnTo>
                      <a:lnTo>
                        <a:pt x="100" y="49"/>
                      </a:lnTo>
                      <a:lnTo>
                        <a:pt x="102" y="51"/>
                      </a:lnTo>
                      <a:lnTo>
                        <a:pt x="108" y="49"/>
                      </a:lnTo>
                      <a:lnTo>
                        <a:pt x="105" y="38"/>
                      </a:lnTo>
                      <a:lnTo>
                        <a:pt x="110" y="49"/>
                      </a:lnTo>
                      <a:lnTo>
                        <a:pt x="116" y="60"/>
                      </a:lnTo>
                      <a:lnTo>
                        <a:pt x="128" y="71"/>
                      </a:lnTo>
                      <a:lnTo>
                        <a:pt x="148" y="82"/>
                      </a:lnTo>
                      <a:lnTo>
                        <a:pt x="185" y="111"/>
                      </a:lnTo>
                      <a:lnTo>
                        <a:pt x="123" y="68"/>
                      </a:lnTo>
                      <a:lnTo>
                        <a:pt x="116" y="57"/>
                      </a:lnTo>
                      <a:lnTo>
                        <a:pt x="113" y="51"/>
                      </a:lnTo>
                      <a:lnTo>
                        <a:pt x="113" y="22"/>
                      </a:lnTo>
                      <a:lnTo>
                        <a:pt x="118" y="31"/>
                      </a:lnTo>
                      <a:lnTo>
                        <a:pt x="126" y="46"/>
                      </a:lnTo>
                      <a:lnTo>
                        <a:pt x="142" y="68"/>
                      </a:lnTo>
                      <a:lnTo>
                        <a:pt x="163" y="91"/>
                      </a:lnTo>
                      <a:lnTo>
                        <a:pt x="168" y="102"/>
                      </a:lnTo>
                      <a:lnTo>
                        <a:pt x="123" y="46"/>
                      </a:lnTo>
                      <a:lnTo>
                        <a:pt x="118" y="25"/>
                      </a:lnTo>
                      <a:lnTo>
                        <a:pt x="120" y="11"/>
                      </a:lnTo>
                      <a:lnTo>
                        <a:pt x="108" y="2"/>
                      </a:lnTo>
                      <a:lnTo>
                        <a:pt x="104" y="4"/>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61" name="Freeform 39"/>
              <p:cNvSpPr>
                <a:spLocks/>
              </p:cNvSpPr>
              <p:nvPr/>
            </p:nvSpPr>
            <p:spPr bwMode="ltGray">
              <a:xfrm>
                <a:off x="43" y="3130"/>
                <a:ext cx="108" cy="566"/>
              </a:xfrm>
              <a:custGeom>
                <a:avLst/>
                <a:gdLst>
                  <a:gd name="T0" fmla="*/ 48 w 108"/>
                  <a:gd name="T1" fmla="*/ 15 h 566"/>
                  <a:gd name="T2" fmla="*/ 8 w 108"/>
                  <a:gd name="T3" fmla="*/ 24 h 566"/>
                  <a:gd name="T4" fmla="*/ 45 w 108"/>
                  <a:gd name="T5" fmla="*/ 24 h 566"/>
                  <a:gd name="T6" fmla="*/ 38 w 108"/>
                  <a:gd name="T7" fmla="*/ 50 h 566"/>
                  <a:gd name="T8" fmla="*/ 38 w 108"/>
                  <a:gd name="T9" fmla="*/ 59 h 566"/>
                  <a:gd name="T10" fmla="*/ 20 w 108"/>
                  <a:gd name="T11" fmla="*/ 83 h 566"/>
                  <a:gd name="T12" fmla="*/ 35 w 108"/>
                  <a:gd name="T13" fmla="*/ 75 h 566"/>
                  <a:gd name="T14" fmla="*/ 35 w 108"/>
                  <a:gd name="T15" fmla="*/ 90 h 566"/>
                  <a:gd name="T16" fmla="*/ 38 w 108"/>
                  <a:gd name="T17" fmla="*/ 94 h 566"/>
                  <a:gd name="T18" fmla="*/ 3 w 108"/>
                  <a:gd name="T19" fmla="*/ 154 h 566"/>
                  <a:gd name="T20" fmla="*/ 36 w 108"/>
                  <a:gd name="T21" fmla="*/ 124 h 566"/>
                  <a:gd name="T22" fmla="*/ 28 w 108"/>
                  <a:gd name="T23" fmla="*/ 163 h 566"/>
                  <a:gd name="T24" fmla="*/ 3 w 108"/>
                  <a:gd name="T25" fmla="*/ 188 h 566"/>
                  <a:gd name="T26" fmla="*/ 30 w 108"/>
                  <a:gd name="T27" fmla="*/ 168 h 566"/>
                  <a:gd name="T28" fmla="*/ 10 w 108"/>
                  <a:gd name="T29" fmla="*/ 214 h 566"/>
                  <a:gd name="T30" fmla="*/ 21 w 108"/>
                  <a:gd name="T31" fmla="*/ 192 h 566"/>
                  <a:gd name="T32" fmla="*/ 30 w 108"/>
                  <a:gd name="T33" fmla="*/ 188 h 566"/>
                  <a:gd name="T34" fmla="*/ 30 w 108"/>
                  <a:gd name="T35" fmla="*/ 203 h 566"/>
                  <a:gd name="T36" fmla="*/ 26 w 108"/>
                  <a:gd name="T37" fmla="*/ 232 h 566"/>
                  <a:gd name="T38" fmla="*/ 2 w 108"/>
                  <a:gd name="T39" fmla="*/ 267 h 566"/>
                  <a:gd name="T40" fmla="*/ 28 w 108"/>
                  <a:gd name="T41" fmla="*/ 238 h 566"/>
                  <a:gd name="T42" fmla="*/ 24 w 108"/>
                  <a:gd name="T43" fmla="*/ 278 h 566"/>
                  <a:gd name="T44" fmla="*/ 18 w 108"/>
                  <a:gd name="T45" fmla="*/ 302 h 566"/>
                  <a:gd name="T46" fmla="*/ 20 w 108"/>
                  <a:gd name="T47" fmla="*/ 302 h 566"/>
                  <a:gd name="T48" fmla="*/ 20 w 108"/>
                  <a:gd name="T49" fmla="*/ 318 h 566"/>
                  <a:gd name="T50" fmla="*/ 3 w 108"/>
                  <a:gd name="T51" fmla="*/ 351 h 566"/>
                  <a:gd name="T52" fmla="*/ 18 w 108"/>
                  <a:gd name="T53" fmla="*/ 347 h 566"/>
                  <a:gd name="T54" fmla="*/ 18 w 108"/>
                  <a:gd name="T55" fmla="*/ 351 h 566"/>
                  <a:gd name="T56" fmla="*/ 19 w 108"/>
                  <a:gd name="T57" fmla="*/ 367 h 566"/>
                  <a:gd name="T58" fmla="*/ 16 w 108"/>
                  <a:gd name="T59" fmla="*/ 396 h 566"/>
                  <a:gd name="T60" fmla="*/ 19 w 108"/>
                  <a:gd name="T61" fmla="*/ 411 h 566"/>
                  <a:gd name="T62" fmla="*/ 20 w 108"/>
                  <a:gd name="T63" fmla="*/ 475 h 566"/>
                  <a:gd name="T64" fmla="*/ 24 w 108"/>
                  <a:gd name="T65" fmla="*/ 396 h 566"/>
                  <a:gd name="T66" fmla="*/ 50 w 108"/>
                  <a:gd name="T67" fmla="*/ 565 h 566"/>
                  <a:gd name="T68" fmla="*/ 35 w 108"/>
                  <a:gd name="T69" fmla="*/ 367 h 566"/>
                  <a:gd name="T70" fmla="*/ 35 w 108"/>
                  <a:gd name="T71" fmla="*/ 362 h 566"/>
                  <a:gd name="T72" fmla="*/ 36 w 108"/>
                  <a:gd name="T73" fmla="*/ 347 h 566"/>
                  <a:gd name="T74" fmla="*/ 58 w 108"/>
                  <a:gd name="T75" fmla="*/ 446 h 566"/>
                  <a:gd name="T76" fmla="*/ 44 w 108"/>
                  <a:gd name="T77" fmla="*/ 391 h 566"/>
                  <a:gd name="T78" fmla="*/ 38 w 108"/>
                  <a:gd name="T79" fmla="*/ 302 h 566"/>
                  <a:gd name="T80" fmla="*/ 40 w 108"/>
                  <a:gd name="T81" fmla="*/ 278 h 566"/>
                  <a:gd name="T82" fmla="*/ 48 w 108"/>
                  <a:gd name="T83" fmla="*/ 336 h 566"/>
                  <a:gd name="T84" fmla="*/ 44 w 108"/>
                  <a:gd name="T85" fmla="*/ 248 h 566"/>
                  <a:gd name="T86" fmla="*/ 52 w 108"/>
                  <a:gd name="T87" fmla="*/ 232 h 566"/>
                  <a:gd name="T88" fmla="*/ 58 w 108"/>
                  <a:gd name="T89" fmla="*/ 292 h 566"/>
                  <a:gd name="T90" fmla="*/ 50 w 108"/>
                  <a:gd name="T91" fmla="*/ 188 h 566"/>
                  <a:gd name="T92" fmla="*/ 52 w 108"/>
                  <a:gd name="T93" fmla="*/ 177 h 566"/>
                  <a:gd name="T94" fmla="*/ 53 w 108"/>
                  <a:gd name="T95" fmla="*/ 128 h 566"/>
                  <a:gd name="T96" fmla="*/ 61 w 108"/>
                  <a:gd name="T97" fmla="*/ 135 h 566"/>
                  <a:gd name="T98" fmla="*/ 88 w 108"/>
                  <a:gd name="T99" fmla="*/ 263 h 566"/>
                  <a:gd name="T100" fmla="*/ 68 w 108"/>
                  <a:gd name="T101" fmla="*/ 188 h 566"/>
                  <a:gd name="T102" fmla="*/ 58 w 108"/>
                  <a:gd name="T103" fmla="*/ 83 h 566"/>
                  <a:gd name="T104" fmla="*/ 61 w 108"/>
                  <a:gd name="T105" fmla="*/ 65 h 566"/>
                  <a:gd name="T106" fmla="*/ 74 w 108"/>
                  <a:gd name="T107" fmla="*/ 124 h 566"/>
                  <a:gd name="T108" fmla="*/ 71 w 108"/>
                  <a:gd name="T109" fmla="*/ 118 h 566"/>
                  <a:gd name="T110" fmla="*/ 65 w 108"/>
                  <a:gd name="T111" fmla="*/ 40 h 566"/>
                  <a:gd name="T112" fmla="*/ 82 w 108"/>
                  <a:gd name="T113" fmla="*/ 118 h 566"/>
                  <a:gd name="T114" fmla="*/ 71 w 108"/>
                  <a:gd name="T115" fmla="*/ 79 h 566"/>
                  <a:gd name="T116" fmla="*/ 62 w 108"/>
                  <a:gd name="T117" fmla="*/ 4 h 5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08" h="566">
                    <a:moveTo>
                      <a:pt x="60" y="7"/>
                    </a:moveTo>
                    <a:lnTo>
                      <a:pt x="53" y="0"/>
                    </a:lnTo>
                    <a:lnTo>
                      <a:pt x="48" y="15"/>
                    </a:lnTo>
                    <a:lnTo>
                      <a:pt x="44" y="19"/>
                    </a:lnTo>
                    <a:lnTo>
                      <a:pt x="33" y="24"/>
                    </a:lnTo>
                    <a:lnTo>
                      <a:pt x="8" y="24"/>
                    </a:lnTo>
                    <a:lnTo>
                      <a:pt x="33" y="29"/>
                    </a:lnTo>
                    <a:lnTo>
                      <a:pt x="40" y="19"/>
                    </a:lnTo>
                    <a:lnTo>
                      <a:pt x="45" y="24"/>
                    </a:lnTo>
                    <a:lnTo>
                      <a:pt x="38" y="35"/>
                    </a:lnTo>
                    <a:lnTo>
                      <a:pt x="44" y="35"/>
                    </a:lnTo>
                    <a:lnTo>
                      <a:pt x="38" y="50"/>
                    </a:lnTo>
                    <a:lnTo>
                      <a:pt x="5" y="135"/>
                    </a:lnTo>
                    <a:lnTo>
                      <a:pt x="40" y="50"/>
                    </a:lnTo>
                    <a:lnTo>
                      <a:pt x="38" y="59"/>
                    </a:lnTo>
                    <a:lnTo>
                      <a:pt x="35" y="75"/>
                    </a:lnTo>
                    <a:lnTo>
                      <a:pt x="30" y="79"/>
                    </a:lnTo>
                    <a:lnTo>
                      <a:pt x="20" y="83"/>
                    </a:lnTo>
                    <a:lnTo>
                      <a:pt x="5" y="75"/>
                    </a:lnTo>
                    <a:lnTo>
                      <a:pt x="30" y="83"/>
                    </a:lnTo>
                    <a:lnTo>
                      <a:pt x="35" y="75"/>
                    </a:lnTo>
                    <a:lnTo>
                      <a:pt x="38" y="68"/>
                    </a:lnTo>
                    <a:lnTo>
                      <a:pt x="38" y="83"/>
                    </a:lnTo>
                    <a:lnTo>
                      <a:pt x="35" y="90"/>
                    </a:lnTo>
                    <a:lnTo>
                      <a:pt x="3" y="139"/>
                    </a:lnTo>
                    <a:lnTo>
                      <a:pt x="35" y="94"/>
                    </a:lnTo>
                    <a:lnTo>
                      <a:pt x="38" y="94"/>
                    </a:lnTo>
                    <a:lnTo>
                      <a:pt x="35" y="108"/>
                    </a:lnTo>
                    <a:lnTo>
                      <a:pt x="30" y="124"/>
                    </a:lnTo>
                    <a:lnTo>
                      <a:pt x="3" y="154"/>
                    </a:lnTo>
                    <a:lnTo>
                      <a:pt x="33" y="118"/>
                    </a:lnTo>
                    <a:lnTo>
                      <a:pt x="35" y="118"/>
                    </a:lnTo>
                    <a:lnTo>
                      <a:pt x="36" y="124"/>
                    </a:lnTo>
                    <a:lnTo>
                      <a:pt x="30" y="143"/>
                    </a:lnTo>
                    <a:lnTo>
                      <a:pt x="36" y="139"/>
                    </a:lnTo>
                    <a:lnTo>
                      <a:pt x="28" y="163"/>
                    </a:lnTo>
                    <a:lnTo>
                      <a:pt x="21" y="177"/>
                    </a:lnTo>
                    <a:lnTo>
                      <a:pt x="10" y="188"/>
                    </a:lnTo>
                    <a:lnTo>
                      <a:pt x="3" y="188"/>
                    </a:lnTo>
                    <a:lnTo>
                      <a:pt x="15" y="183"/>
                    </a:lnTo>
                    <a:lnTo>
                      <a:pt x="27" y="173"/>
                    </a:lnTo>
                    <a:lnTo>
                      <a:pt x="30" y="168"/>
                    </a:lnTo>
                    <a:lnTo>
                      <a:pt x="27" y="183"/>
                    </a:lnTo>
                    <a:lnTo>
                      <a:pt x="20" y="203"/>
                    </a:lnTo>
                    <a:lnTo>
                      <a:pt x="10" y="214"/>
                    </a:lnTo>
                    <a:lnTo>
                      <a:pt x="0" y="221"/>
                    </a:lnTo>
                    <a:lnTo>
                      <a:pt x="13" y="208"/>
                    </a:lnTo>
                    <a:lnTo>
                      <a:pt x="21" y="192"/>
                    </a:lnTo>
                    <a:lnTo>
                      <a:pt x="30" y="177"/>
                    </a:lnTo>
                    <a:lnTo>
                      <a:pt x="31" y="173"/>
                    </a:lnTo>
                    <a:lnTo>
                      <a:pt x="30" y="188"/>
                    </a:lnTo>
                    <a:lnTo>
                      <a:pt x="33" y="183"/>
                    </a:lnTo>
                    <a:lnTo>
                      <a:pt x="36" y="188"/>
                    </a:lnTo>
                    <a:lnTo>
                      <a:pt x="30" y="203"/>
                    </a:lnTo>
                    <a:lnTo>
                      <a:pt x="30" y="214"/>
                    </a:lnTo>
                    <a:lnTo>
                      <a:pt x="21" y="232"/>
                    </a:lnTo>
                    <a:lnTo>
                      <a:pt x="26" y="232"/>
                    </a:lnTo>
                    <a:lnTo>
                      <a:pt x="21" y="243"/>
                    </a:lnTo>
                    <a:lnTo>
                      <a:pt x="11" y="263"/>
                    </a:lnTo>
                    <a:lnTo>
                      <a:pt x="2" y="267"/>
                    </a:lnTo>
                    <a:lnTo>
                      <a:pt x="16" y="256"/>
                    </a:lnTo>
                    <a:lnTo>
                      <a:pt x="24" y="243"/>
                    </a:lnTo>
                    <a:lnTo>
                      <a:pt x="28" y="238"/>
                    </a:lnTo>
                    <a:lnTo>
                      <a:pt x="28" y="252"/>
                    </a:lnTo>
                    <a:lnTo>
                      <a:pt x="28" y="256"/>
                    </a:lnTo>
                    <a:lnTo>
                      <a:pt x="24" y="278"/>
                    </a:lnTo>
                    <a:lnTo>
                      <a:pt x="19" y="292"/>
                    </a:lnTo>
                    <a:lnTo>
                      <a:pt x="21" y="292"/>
                    </a:lnTo>
                    <a:lnTo>
                      <a:pt x="18" y="302"/>
                    </a:lnTo>
                    <a:lnTo>
                      <a:pt x="2" y="327"/>
                    </a:lnTo>
                    <a:lnTo>
                      <a:pt x="13" y="312"/>
                    </a:lnTo>
                    <a:lnTo>
                      <a:pt x="20" y="302"/>
                    </a:lnTo>
                    <a:lnTo>
                      <a:pt x="20" y="318"/>
                    </a:lnTo>
                    <a:lnTo>
                      <a:pt x="16" y="321"/>
                    </a:lnTo>
                    <a:lnTo>
                      <a:pt x="20" y="318"/>
                    </a:lnTo>
                    <a:lnTo>
                      <a:pt x="20" y="327"/>
                    </a:lnTo>
                    <a:lnTo>
                      <a:pt x="18" y="336"/>
                    </a:lnTo>
                    <a:lnTo>
                      <a:pt x="3" y="351"/>
                    </a:lnTo>
                    <a:lnTo>
                      <a:pt x="16" y="336"/>
                    </a:lnTo>
                    <a:lnTo>
                      <a:pt x="16" y="343"/>
                    </a:lnTo>
                    <a:lnTo>
                      <a:pt x="18" y="347"/>
                    </a:lnTo>
                    <a:lnTo>
                      <a:pt x="3" y="381"/>
                    </a:lnTo>
                    <a:lnTo>
                      <a:pt x="15" y="356"/>
                    </a:lnTo>
                    <a:lnTo>
                      <a:pt x="18" y="351"/>
                    </a:lnTo>
                    <a:lnTo>
                      <a:pt x="19" y="362"/>
                    </a:lnTo>
                    <a:lnTo>
                      <a:pt x="16" y="372"/>
                    </a:lnTo>
                    <a:lnTo>
                      <a:pt x="19" y="367"/>
                    </a:lnTo>
                    <a:lnTo>
                      <a:pt x="16" y="396"/>
                    </a:lnTo>
                    <a:lnTo>
                      <a:pt x="2" y="429"/>
                    </a:lnTo>
                    <a:lnTo>
                      <a:pt x="16" y="396"/>
                    </a:lnTo>
                    <a:lnTo>
                      <a:pt x="15" y="411"/>
                    </a:lnTo>
                    <a:lnTo>
                      <a:pt x="19" y="396"/>
                    </a:lnTo>
                    <a:lnTo>
                      <a:pt x="19" y="411"/>
                    </a:lnTo>
                    <a:lnTo>
                      <a:pt x="20" y="481"/>
                    </a:lnTo>
                    <a:lnTo>
                      <a:pt x="35" y="565"/>
                    </a:lnTo>
                    <a:lnTo>
                      <a:pt x="20" y="475"/>
                    </a:lnTo>
                    <a:lnTo>
                      <a:pt x="20" y="440"/>
                    </a:lnTo>
                    <a:lnTo>
                      <a:pt x="21" y="416"/>
                    </a:lnTo>
                    <a:lnTo>
                      <a:pt x="24" y="396"/>
                    </a:lnTo>
                    <a:lnTo>
                      <a:pt x="27" y="362"/>
                    </a:lnTo>
                    <a:lnTo>
                      <a:pt x="30" y="376"/>
                    </a:lnTo>
                    <a:lnTo>
                      <a:pt x="50" y="565"/>
                    </a:lnTo>
                    <a:lnTo>
                      <a:pt x="31" y="376"/>
                    </a:lnTo>
                    <a:lnTo>
                      <a:pt x="31" y="356"/>
                    </a:lnTo>
                    <a:lnTo>
                      <a:pt x="35" y="367"/>
                    </a:lnTo>
                    <a:lnTo>
                      <a:pt x="38" y="551"/>
                    </a:lnTo>
                    <a:lnTo>
                      <a:pt x="36" y="391"/>
                    </a:lnTo>
                    <a:lnTo>
                      <a:pt x="35" y="362"/>
                    </a:lnTo>
                    <a:lnTo>
                      <a:pt x="33" y="351"/>
                    </a:lnTo>
                    <a:lnTo>
                      <a:pt x="35" y="327"/>
                    </a:lnTo>
                    <a:lnTo>
                      <a:pt x="36" y="347"/>
                    </a:lnTo>
                    <a:lnTo>
                      <a:pt x="40" y="387"/>
                    </a:lnTo>
                    <a:lnTo>
                      <a:pt x="45" y="411"/>
                    </a:lnTo>
                    <a:lnTo>
                      <a:pt x="58" y="446"/>
                    </a:lnTo>
                    <a:lnTo>
                      <a:pt x="83" y="511"/>
                    </a:lnTo>
                    <a:lnTo>
                      <a:pt x="50" y="416"/>
                    </a:lnTo>
                    <a:lnTo>
                      <a:pt x="44" y="391"/>
                    </a:lnTo>
                    <a:lnTo>
                      <a:pt x="40" y="376"/>
                    </a:lnTo>
                    <a:lnTo>
                      <a:pt x="38" y="356"/>
                    </a:lnTo>
                    <a:lnTo>
                      <a:pt x="38" y="302"/>
                    </a:lnTo>
                    <a:lnTo>
                      <a:pt x="40" y="318"/>
                    </a:lnTo>
                    <a:lnTo>
                      <a:pt x="40" y="287"/>
                    </a:lnTo>
                    <a:lnTo>
                      <a:pt x="40" y="278"/>
                    </a:lnTo>
                    <a:lnTo>
                      <a:pt x="44" y="302"/>
                    </a:lnTo>
                    <a:lnTo>
                      <a:pt x="73" y="485"/>
                    </a:lnTo>
                    <a:lnTo>
                      <a:pt x="48" y="336"/>
                    </a:lnTo>
                    <a:lnTo>
                      <a:pt x="45" y="321"/>
                    </a:lnTo>
                    <a:lnTo>
                      <a:pt x="44" y="302"/>
                    </a:lnTo>
                    <a:lnTo>
                      <a:pt x="44" y="248"/>
                    </a:lnTo>
                    <a:lnTo>
                      <a:pt x="45" y="252"/>
                    </a:lnTo>
                    <a:lnTo>
                      <a:pt x="46" y="221"/>
                    </a:lnTo>
                    <a:lnTo>
                      <a:pt x="52" y="232"/>
                    </a:lnTo>
                    <a:lnTo>
                      <a:pt x="74" y="436"/>
                    </a:lnTo>
                    <a:lnTo>
                      <a:pt x="62" y="336"/>
                    </a:lnTo>
                    <a:lnTo>
                      <a:pt x="58" y="292"/>
                    </a:lnTo>
                    <a:lnTo>
                      <a:pt x="52" y="252"/>
                    </a:lnTo>
                    <a:lnTo>
                      <a:pt x="52" y="228"/>
                    </a:lnTo>
                    <a:lnTo>
                      <a:pt x="50" y="188"/>
                    </a:lnTo>
                    <a:lnTo>
                      <a:pt x="53" y="192"/>
                    </a:lnTo>
                    <a:lnTo>
                      <a:pt x="65" y="396"/>
                    </a:lnTo>
                    <a:lnTo>
                      <a:pt x="52" y="177"/>
                    </a:lnTo>
                    <a:lnTo>
                      <a:pt x="52" y="159"/>
                    </a:lnTo>
                    <a:lnTo>
                      <a:pt x="53" y="173"/>
                    </a:lnTo>
                    <a:lnTo>
                      <a:pt x="53" y="128"/>
                    </a:lnTo>
                    <a:lnTo>
                      <a:pt x="56" y="143"/>
                    </a:lnTo>
                    <a:lnTo>
                      <a:pt x="56" y="118"/>
                    </a:lnTo>
                    <a:lnTo>
                      <a:pt x="61" y="135"/>
                    </a:lnTo>
                    <a:lnTo>
                      <a:pt x="68" y="183"/>
                    </a:lnTo>
                    <a:lnTo>
                      <a:pt x="74" y="214"/>
                    </a:lnTo>
                    <a:lnTo>
                      <a:pt x="88" y="263"/>
                    </a:lnTo>
                    <a:lnTo>
                      <a:pt x="96" y="308"/>
                    </a:lnTo>
                    <a:lnTo>
                      <a:pt x="74" y="214"/>
                    </a:lnTo>
                    <a:lnTo>
                      <a:pt x="68" y="188"/>
                    </a:lnTo>
                    <a:lnTo>
                      <a:pt x="62" y="154"/>
                    </a:lnTo>
                    <a:lnTo>
                      <a:pt x="61" y="128"/>
                    </a:lnTo>
                    <a:lnTo>
                      <a:pt x="58" y="83"/>
                    </a:lnTo>
                    <a:lnTo>
                      <a:pt x="60" y="90"/>
                    </a:lnTo>
                    <a:lnTo>
                      <a:pt x="62" y="83"/>
                    </a:lnTo>
                    <a:lnTo>
                      <a:pt x="61" y="65"/>
                    </a:lnTo>
                    <a:lnTo>
                      <a:pt x="63" y="83"/>
                    </a:lnTo>
                    <a:lnTo>
                      <a:pt x="68" y="104"/>
                    </a:lnTo>
                    <a:lnTo>
                      <a:pt x="74" y="124"/>
                    </a:lnTo>
                    <a:lnTo>
                      <a:pt x="86" y="143"/>
                    </a:lnTo>
                    <a:lnTo>
                      <a:pt x="107" y="192"/>
                    </a:lnTo>
                    <a:lnTo>
                      <a:pt x="71" y="118"/>
                    </a:lnTo>
                    <a:lnTo>
                      <a:pt x="68" y="99"/>
                    </a:lnTo>
                    <a:lnTo>
                      <a:pt x="65" y="90"/>
                    </a:lnTo>
                    <a:lnTo>
                      <a:pt x="65" y="40"/>
                    </a:lnTo>
                    <a:lnTo>
                      <a:pt x="68" y="55"/>
                    </a:lnTo>
                    <a:lnTo>
                      <a:pt x="73" y="79"/>
                    </a:lnTo>
                    <a:lnTo>
                      <a:pt x="82" y="118"/>
                    </a:lnTo>
                    <a:lnTo>
                      <a:pt x="95" y="159"/>
                    </a:lnTo>
                    <a:lnTo>
                      <a:pt x="98" y="177"/>
                    </a:lnTo>
                    <a:lnTo>
                      <a:pt x="71" y="79"/>
                    </a:lnTo>
                    <a:lnTo>
                      <a:pt x="68" y="44"/>
                    </a:lnTo>
                    <a:lnTo>
                      <a:pt x="70" y="19"/>
                    </a:lnTo>
                    <a:lnTo>
                      <a:pt x="62" y="4"/>
                    </a:lnTo>
                    <a:lnTo>
                      <a:pt x="60" y="7"/>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62" name="Group 47"/>
              <p:cNvGrpSpPr>
                <a:grpSpLocks/>
              </p:cNvGrpSpPr>
              <p:nvPr/>
            </p:nvGrpSpPr>
            <p:grpSpPr bwMode="auto">
              <a:xfrm>
                <a:off x="117" y="2718"/>
                <a:ext cx="332" cy="1514"/>
                <a:chOff x="117" y="2718"/>
                <a:chExt cx="332" cy="1514"/>
              </a:xfrm>
            </p:grpSpPr>
            <p:sp>
              <p:nvSpPr>
                <p:cNvPr id="83" name="Freeform 40"/>
                <p:cNvSpPr>
                  <a:spLocks/>
                </p:cNvSpPr>
                <p:nvPr/>
              </p:nvSpPr>
              <p:spPr bwMode="ltGray">
                <a:xfrm>
                  <a:off x="167" y="3861"/>
                  <a:ext cx="28" cy="371"/>
                </a:xfrm>
                <a:custGeom>
                  <a:avLst/>
                  <a:gdLst>
                    <a:gd name="T0" fmla="*/ 21 w 28"/>
                    <a:gd name="T1" fmla="*/ 0 h 371"/>
                    <a:gd name="T2" fmla="*/ 19 w 28"/>
                    <a:gd name="T3" fmla="*/ 7 h 371"/>
                    <a:gd name="T4" fmla="*/ 11 w 28"/>
                    <a:gd name="T5" fmla="*/ 72 h 371"/>
                    <a:gd name="T6" fmla="*/ 5 w 28"/>
                    <a:gd name="T7" fmla="*/ 135 h 371"/>
                    <a:gd name="T8" fmla="*/ 0 w 28"/>
                    <a:gd name="T9" fmla="*/ 212 h 371"/>
                    <a:gd name="T10" fmla="*/ 0 w 28"/>
                    <a:gd name="T11" fmla="*/ 296 h 371"/>
                    <a:gd name="T12" fmla="*/ 3 w 28"/>
                    <a:gd name="T13" fmla="*/ 370 h 371"/>
                    <a:gd name="T14" fmla="*/ 5 w 28"/>
                    <a:gd name="T15" fmla="*/ 370 h 371"/>
                    <a:gd name="T16" fmla="*/ 3 w 28"/>
                    <a:gd name="T17" fmla="*/ 296 h 371"/>
                    <a:gd name="T18" fmla="*/ 3 w 28"/>
                    <a:gd name="T19" fmla="*/ 234 h 371"/>
                    <a:gd name="T20" fmla="*/ 8 w 28"/>
                    <a:gd name="T21" fmla="*/ 167 h 371"/>
                    <a:gd name="T22" fmla="*/ 15 w 28"/>
                    <a:gd name="T23" fmla="*/ 101 h 371"/>
                    <a:gd name="T24" fmla="*/ 27 w 28"/>
                    <a:gd name="T25" fmla="*/ 16 h 371"/>
                    <a:gd name="T26" fmla="*/ 21 w 28"/>
                    <a:gd name="T27" fmla="*/ 0 h 3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28" h="371">
                      <a:moveTo>
                        <a:pt x="21" y="0"/>
                      </a:moveTo>
                      <a:lnTo>
                        <a:pt x="19" y="7"/>
                      </a:lnTo>
                      <a:lnTo>
                        <a:pt x="11" y="72"/>
                      </a:lnTo>
                      <a:lnTo>
                        <a:pt x="5" y="135"/>
                      </a:lnTo>
                      <a:lnTo>
                        <a:pt x="0" y="212"/>
                      </a:lnTo>
                      <a:lnTo>
                        <a:pt x="0" y="296"/>
                      </a:lnTo>
                      <a:lnTo>
                        <a:pt x="3" y="370"/>
                      </a:lnTo>
                      <a:lnTo>
                        <a:pt x="5" y="370"/>
                      </a:lnTo>
                      <a:lnTo>
                        <a:pt x="3" y="296"/>
                      </a:lnTo>
                      <a:lnTo>
                        <a:pt x="3" y="234"/>
                      </a:lnTo>
                      <a:lnTo>
                        <a:pt x="8" y="167"/>
                      </a:lnTo>
                      <a:lnTo>
                        <a:pt x="15" y="101"/>
                      </a:lnTo>
                      <a:lnTo>
                        <a:pt x="27" y="16"/>
                      </a:lnTo>
                      <a:lnTo>
                        <a:pt x="21"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84" name="Freeform 41"/>
                <p:cNvSpPr>
                  <a:spLocks/>
                </p:cNvSpPr>
                <p:nvPr/>
              </p:nvSpPr>
              <p:spPr bwMode="ltGray">
                <a:xfrm>
                  <a:off x="117" y="3482"/>
                  <a:ext cx="88" cy="450"/>
                </a:xfrm>
                <a:custGeom>
                  <a:avLst/>
                  <a:gdLst>
                    <a:gd name="T0" fmla="*/ 86 w 88"/>
                    <a:gd name="T1" fmla="*/ 70 h 450"/>
                    <a:gd name="T2" fmla="*/ 79 w 88"/>
                    <a:gd name="T3" fmla="*/ 40 h 450"/>
                    <a:gd name="T4" fmla="*/ 76 w 88"/>
                    <a:gd name="T5" fmla="*/ 29 h 450"/>
                    <a:gd name="T6" fmla="*/ 70 w 88"/>
                    <a:gd name="T7" fmla="*/ 18 h 450"/>
                    <a:gd name="T8" fmla="*/ 64 w 88"/>
                    <a:gd name="T9" fmla="*/ 10 h 450"/>
                    <a:gd name="T10" fmla="*/ 56 w 88"/>
                    <a:gd name="T11" fmla="*/ 1 h 450"/>
                    <a:gd name="T12" fmla="*/ 49 w 88"/>
                    <a:gd name="T13" fmla="*/ 0 h 450"/>
                    <a:gd name="T14" fmla="*/ 42 w 88"/>
                    <a:gd name="T15" fmla="*/ 4 h 450"/>
                    <a:gd name="T16" fmla="*/ 35 w 88"/>
                    <a:gd name="T17" fmla="*/ 8 h 450"/>
                    <a:gd name="T18" fmla="*/ 27 w 88"/>
                    <a:gd name="T19" fmla="*/ 16 h 450"/>
                    <a:gd name="T20" fmla="*/ 22 w 88"/>
                    <a:gd name="T21" fmla="*/ 33 h 450"/>
                    <a:gd name="T22" fmla="*/ 17 w 88"/>
                    <a:gd name="T23" fmla="*/ 57 h 450"/>
                    <a:gd name="T24" fmla="*/ 12 w 88"/>
                    <a:gd name="T25" fmla="*/ 76 h 450"/>
                    <a:gd name="T26" fmla="*/ 7 w 88"/>
                    <a:gd name="T27" fmla="*/ 95 h 450"/>
                    <a:gd name="T28" fmla="*/ 2 w 88"/>
                    <a:gd name="T29" fmla="*/ 121 h 450"/>
                    <a:gd name="T30" fmla="*/ 0 w 88"/>
                    <a:gd name="T31" fmla="*/ 175 h 450"/>
                    <a:gd name="T32" fmla="*/ 0 w 88"/>
                    <a:gd name="T33" fmla="*/ 216 h 450"/>
                    <a:gd name="T34" fmla="*/ 5 w 88"/>
                    <a:gd name="T35" fmla="*/ 275 h 450"/>
                    <a:gd name="T36" fmla="*/ 12 w 88"/>
                    <a:gd name="T37" fmla="*/ 327 h 450"/>
                    <a:gd name="T38" fmla="*/ 27 w 88"/>
                    <a:gd name="T39" fmla="*/ 449 h 450"/>
                    <a:gd name="T40" fmla="*/ 21 w 88"/>
                    <a:gd name="T41" fmla="*/ 318 h 450"/>
                    <a:gd name="T42" fmla="*/ 18 w 88"/>
                    <a:gd name="T43" fmla="*/ 273 h 450"/>
                    <a:gd name="T44" fmla="*/ 15 w 88"/>
                    <a:gd name="T45" fmla="*/ 232 h 450"/>
                    <a:gd name="T46" fmla="*/ 15 w 88"/>
                    <a:gd name="T47" fmla="*/ 190 h 450"/>
                    <a:gd name="T48" fmla="*/ 17 w 88"/>
                    <a:gd name="T49" fmla="*/ 143 h 450"/>
                    <a:gd name="T50" fmla="*/ 19 w 88"/>
                    <a:gd name="T51" fmla="*/ 106 h 450"/>
                    <a:gd name="T52" fmla="*/ 23 w 88"/>
                    <a:gd name="T53" fmla="*/ 62 h 450"/>
                    <a:gd name="T54" fmla="*/ 29 w 88"/>
                    <a:gd name="T55" fmla="*/ 40 h 450"/>
                    <a:gd name="T56" fmla="*/ 37 w 88"/>
                    <a:gd name="T57" fmla="*/ 32 h 450"/>
                    <a:gd name="T58" fmla="*/ 59 w 88"/>
                    <a:gd name="T59" fmla="*/ 27 h 450"/>
                    <a:gd name="T60" fmla="*/ 72 w 88"/>
                    <a:gd name="T61" fmla="*/ 42 h 450"/>
                    <a:gd name="T62" fmla="*/ 87 w 88"/>
                    <a:gd name="T63" fmla="*/ 75 h 450"/>
                    <a:gd name="T64" fmla="*/ 86 w 88"/>
                    <a:gd name="T65" fmla="*/ 70 h 4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88" h="450">
                      <a:moveTo>
                        <a:pt x="86" y="70"/>
                      </a:moveTo>
                      <a:lnTo>
                        <a:pt x="79" y="40"/>
                      </a:lnTo>
                      <a:lnTo>
                        <a:pt x="76" y="29"/>
                      </a:lnTo>
                      <a:lnTo>
                        <a:pt x="70" y="18"/>
                      </a:lnTo>
                      <a:lnTo>
                        <a:pt x="64" y="10"/>
                      </a:lnTo>
                      <a:lnTo>
                        <a:pt x="56" y="1"/>
                      </a:lnTo>
                      <a:lnTo>
                        <a:pt x="49" y="0"/>
                      </a:lnTo>
                      <a:lnTo>
                        <a:pt x="42" y="4"/>
                      </a:lnTo>
                      <a:lnTo>
                        <a:pt x="35" y="8"/>
                      </a:lnTo>
                      <a:lnTo>
                        <a:pt x="27" y="16"/>
                      </a:lnTo>
                      <a:lnTo>
                        <a:pt x="22" y="33"/>
                      </a:lnTo>
                      <a:lnTo>
                        <a:pt x="17" y="57"/>
                      </a:lnTo>
                      <a:lnTo>
                        <a:pt x="12" y="76"/>
                      </a:lnTo>
                      <a:lnTo>
                        <a:pt x="7" y="95"/>
                      </a:lnTo>
                      <a:lnTo>
                        <a:pt x="2" y="121"/>
                      </a:lnTo>
                      <a:lnTo>
                        <a:pt x="0" y="175"/>
                      </a:lnTo>
                      <a:lnTo>
                        <a:pt x="0" y="216"/>
                      </a:lnTo>
                      <a:lnTo>
                        <a:pt x="5" y="275"/>
                      </a:lnTo>
                      <a:lnTo>
                        <a:pt x="12" y="327"/>
                      </a:lnTo>
                      <a:lnTo>
                        <a:pt x="27" y="449"/>
                      </a:lnTo>
                      <a:lnTo>
                        <a:pt x="21" y="318"/>
                      </a:lnTo>
                      <a:lnTo>
                        <a:pt x="18" y="273"/>
                      </a:lnTo>
                      <a:lnTo>
                        <a:pt x="15" y="232"/>
                      </a:lnTo>
                      <a:lnTo>
                        <a:pt x="15" y="190"/>
                      </a:lnTo>
                      <a:lnTo>
                        <a:pt x="17" y="143"/>
                      </a:lnTo>
                      <a:lnTo>
                        <a:pt x="19" y="106"/>
                      </a:lnTo>
                      <a:lnTo>
                        <a:pt x="23" y="62"/>
                      </a:lnTo>
                      <a:lnTo>
                        <a:pt x="29" y="40"/>
                      </a:lnTo>
                      <a:lnTo>
                        <a:pt x="37" y="32"/>
                      </a:lnTo>
                      <a:lnTo>
                        <a:pt x="59" y="27"/>
                      </a:lnTo>
                      <a:lnTo>
                        <a:pt x="72" y="42"/>
                      </a:lnTo>
                      <a:lnTo>
                        <a:pt x="87" y="75"/>
                      </a:lnTo>
                      <a:lnTo>
                        <a:pt x="86" y="7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85" name="Group 44"/>
                <p:cNvGrpSpPr>
                  <a:grpSpLocks/>
                </p:cNvGrpSpPr>
                <p:nvPr/>
              </p:nvGrpSpPr>
              <p:grpSpPr bwMode="auto">
                <a:xfrm>
                  <a:off x="231" y="2718"/>
                  <a:ext cx="218" cy="641"/>
                  <a:chOff x="231" y="2718"/>
                  <a:chExt cx="218" cy="641"/>
                </a:xfrm>
              </p:grpSpPr>
              <p:sp>
                <p:nvSpPr>
                  <p:cNvPr id="88" name="Freeform 42"/>
                  <p:cNvSpPr>
                    <a:spLocks/>
                  </p:cNvSpPr>
                  <p:nvPr/>
                </p:nvSpPr>
                <p:spPr bwMode="ltGray">
                  <a:xfrm>
                    <a:off x="231" y="2718"/>
                    <a:ext cx="122" cy="641"/>
                  </a:xfrm>
                  <a:custGeom>
                    <a:avLst/>
                    <a:gdLst>
                      <a:gd name="T0" fmla="*/ 114 w 122"/>
                      <a:gd name="T1" fmla="*/ 14 h 641"/>
                      <a:gd name="T2" fmla="*/ 112 w 122"/>
                      <a:gd name="T3" fmla="*/ 0 h 641"/>
                      <a:gd name="T4" fmla="*/ 104 w 122"/>
                      <a:gd name="T5" fmla="*/ 5 h 641"/>
                      <a:gd name="T6" fmla="*/ 99 w 122"/>
                      <a:gd name="T7" fmla="*/ 22 h 641"/>
                      <a:gd name="T8" fmla="*/ 3 w 122"/>
                      <a:gd name="T9" fmla="*/ 140 h 641"/>
                      <a:gd name="T10" fmla="*/ 89 w 122"/>
                      <a:gd name="T11" fmla="*/ 57 h 641"/>
                      <a:gd name="T12" fmla="*/ 90 w 122"/>
                      <a:gd name="T13" fmla="*/ 73 h 641"/>
                      <a:gd name="T14" fmla="*/ 47 w 122"/>
                      <a:gd name="T15" fmla="*/ 173 h 641"/>
                      <a:gd name="T16" fmla="*/ 100 w 122"/>
                      <a:gd name="T17" fmla="*/ 93 h 641"/>
                      <a:gd name="T18" fmla="*/ 93 w 122"/>
                      <a:gd name="T19" fmla="*/ 126 h 641"/>
                      <a:gd name="T20" fmla="*/ 76 w 122"/>
                      <a:gd name="T21" fmla="*/ 181 h 641"/>
                      <a:gd name="T22" fmla="*/ 26 w 122"/>
                      <a:gd name="T23" fmla="*/ 326 h 641"/>
                      <a:gd name="T24" fmla="*/ 28 w 122"/>
                      <a:gd name="T25" fmla="*/ 315 h 641"/>
                      <a:gd name="T26" fmla="*/ 61 w 122"/>
                      <a:gd name="T27" fmla="*/ 224 h 641"/>
                      <a:gd name="T28" fmla="*/ 87 w 122"/>
                      <a:gd name="T29" fmla="*/ 154 h 641"/>
                      <a:gd name="T30" fmla="*/ 99 w 122"/>
                      <a:gd name="T31" fmla="*/ 120 h 641"/>
                      <a:gd name="T32" fmla="*/ 101 w 122"/>
                      <a:gd name="T33" fmla="*/ 132 h 641"/>
                      <a:gd name="T34" fmla="*/ 87 w 122"/>
                      <a:gd name="T35" fmla="*/ 176 h 641"/>
                      <a:gd name="T36" fmla="*/ 67 w 122"/>
                      <a:gd name="T37" fmla="*/ 237 h 641"/>
                      <a:gd name="T38" fmla="*/ 93 w 122"/>
                      <a:gd name="T39" fmla="*/ 154 h 641"/>
                      <a:gd name="T40" fmla="*/ 101 w 122"/>
                      <a:gd name="T41" fmla="*/ 132 h 641"/>
                      <a:gd name="T42" fmla="*/ 102 w 122"/>
                      <a:gd name="T43" fmla="*/ 156 h 641"/>
                      <a:gd name="T44" fmla="*/ 93 w 122"/>
                      <a:gd name="T45" fmla="*/ 198 h 641"/>
                      <a:gd name="T46" fmla="*/ 67 w 122"/>
                      <a:gd name="T47" fmla="*/ 254 h 641"/>
                      <a:gd name="T48" fmla="*/ 44 w 122"/>
                      <a:gd name="T49" fmla="*/ 305 h 641"/>
                      <a:gd name="T50" fmla="*/ 70 w 122"/>
                      <a:gd name="T51" fmla="*/ 253 h 641"/>
                      <a:gd name="T52" fmla="*/ 97 w 122"/>
                      <a:gd name="T53" fmla="*/ 193 h 641"/>
                      <a:gd name="T54" fmla="*/ 96 w 122"/>
                      <a:gd name="T55" fmla="*/ 213 h 641"/>
                      <a:gd name="T56" fmla="*/ 97 w 122"/>
                      <a:gd name="T57" fmla="*/ 248 h 641"/>
                      <a:gd name="T58" fmla="*/ 92 w 122"/>
                      <a:gd name="T59" fmla="*/ 266 h 641"/>
                      <a:gd name="T60" fmla="*/ 71 w 122"/>
                      <a:gd name="T61" fmla="*/ 317 h 641"/>
                      <a:gd name="T62" fmla="*/ 30 w 122"/>
                      <a:gd name="T63" fmla="*/ 399 h 641"/>
                      <a:gd name="T64" fmla="*/ 36 w 122"/>
                      <a:gd name="T65" fmla="*/ 381 h 641"/>
                      <a:gd name="T66" fmla="*/ 87 w 122"/>
                      <a:gd name="T67" fmla="*/ 282 h 641"/>
                      <a:gd name="T68" fmla="*/ 103 w 122"/>
                      <a:gd name="T69" fmla="*/ 239 h 641"/>
                      <a:gd name="T70" fmla="*/ 62 w 122"/>
                      <a:gd name="T71" fmla="*/ 367 h 641"/>
                      <a:gd name="T72" fmla="*/ 102 w 122"/>
                      <a:gd name="T73" fmla="*/ 277 h 641"/>
                      <a:gd name="T74" fmla="*/ 101 w 122"/>
                      <a:gd name="T75" fmla="*/ 313 h 641"/>
                      <a:gd name="T76" fmla="*/ 81 w 122"/>
                      <a:gd name="T77" fmla="*/ 399 h 641"/>
                      <a:gd name="T78" fmla="*/ 46 w 122"/>
                      <a:gd name="T79" fmla="*/ 460 h 641"/>
                      <a:gd name="T80" fmla="*/ 14 w 122"/>
                      <a:gd name="T81" fmla="*/ 515 h 641"/>
                      <a:gd name="T82" fmla="*/ 63 w 122"/>
                      <a:gd name="T83" fmla="*/ 438 h 641"/>
                      <a:gd name="T84" fmla="*/ 83 w 122"/>
                      <a:gd name="T85" fmla="*/ 393 h 641"/>
                      <a:gd name="T86" fmla="*/ 101 w 122"/>
                      <a:gd name="T87" fmla="*/ 328 h 641"/>
                      <a:gd name="T88" fmla="*/ 99 w 122"/>
                      <a:gd name="T89" fmla="*/ 357 h 641"/>
                      <a:gd name="T90" fmla="*/ 98 w 122"/>
                      <a:gd name="T91" fmla="*/ 386 h 641"/>
                      <a:gd name="T92" fmla="*/ 99 w 122"/>
                      <a:gd name="T93" fmla="*/ 415 h 641"/>
                      <a:gd name="T94" fmla="*/ 81 w 122"/>
                      <a:gd name="T95" fmla="*/ 471 h 641"/>
                      <a:gd name="T96" fmla="*/ 47 w 122"/>
                      <a:gd name="T97" fmla="*/ 521 h 641"/>
                      <a:gd name="T98" fmla="*/ 50 w 122"/>
                      <a:gd name="T99" fmla="*/ 517 h 641"/>
                      <a:gd name="T100" fmla="*/ 91 w 122"/>
                      <a:gd name="T101" fmla="*/ 449 h 641"/>
                      <a:gd name="T102" fmla="*/ 89 w 122"/>
                      <a:gd name="T103" fmla="*/ 466 h 641"/>
                      <a:gd name="T104" fmla="*/ 91 w 122"/>
                      <a:gd name="T105" fmla="*/ 476 h 641"/>
                      <a:gd name="T106" fmla="*/ 93 w 122"/>
                      <a:gd name="T107" fmla="*/ 492 h 641"/>
                      <a:gd name="T108" fmla="*/ 73 w 122"/>
                      <a:gd name="T109" fmla="*/ 544 h 641"/>
                      <a:gd name="T110" fmla="*/ 50 w 122"/>
                      <a:gd name="T111" fmla="*/ 555 h 641"/>
                      <a:gd name="T112" fmla="*/ 91 w 122"/>
                      <a:gd name="T113" fmla="*/ 510 h 641"/>
                      <a:gd name="T114" fmla="*/ 89 w 122"/>
                      <a:gd name="T115" fmla="*/ 536 h 641"/>
                      <a:gd name="T116" fmla="*/ 92 w 122"/>
                      <a:gd name="T117" fmla="*/ 550 h 641"/>
                      <a:gd name="T118" fmla="*/ 44 w 122"/>
                      <a:gd name="T119" fmla="*/ 640 h 641"/>
                      <a:gd name="T120" fmla="*/ 89 w 122"/>
                      <a:gd name="T121" fmla="*/ 571 h 641"/>
                      <a:gd name="T122" fmla="*/ 98 w 122"/>
                      <a:gd name="T123" fmla="*/ 546 h 641"/>
                      <a:gd name="T124" fmla="*/ 105 w 122"/>
                      <a:gd name="T125" fmla="*/ 523 h 6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22" h="641">
                        <a:moveTo>
                          <a:pt x="112" y="49"/>
                        </a:moveTo>
                        <a:lnTo>
                          <a:pt x="114" y="14"/>
                        </a:lnTo>
                        <a:lnTo>
                          <a:pt x="121" y="12"/>
                        </a:lnTo>
                        <a:lnTo>
                          <a:pt x="112" y="0"/>
                        </a:lnTo>
                        <a:lnTo>
                          <a:pt x="109" y="0"/>
                        </a:lnTo>
                        <a:lnTo>
                          <a:pt x="104" y="5"/>
                        </a:lnTo>
                        <a:lnTo>
                          <a:pt x="104" y="16"/>
                        </a:lnTo>
                        <a:lnTo>
                          <a:pt x="99" y="22"/>
                        </a:lnTo>
                        <a:lnTo>
                          <a:pt x="59" y="114"/>
                        </a:lnTo>
                        <a:lnTo>
                          <a:pt x="3" y="140"/>
                        </a:lnTo>
                        <a:lnTo>
                          <a:pt x="58" y="113"/>
                        </a:lnTo>
                        <a:lnTo>
                          <a:pt x="89" y="57"/>
                        </a:lnTo>
                        <a:lnTo>
                          <a:pt x="99" y="49"/>
                        </a:lnTo>
                        <a:lnTo>
                          <a:pt x="90" y="73"/>
                        </a:lnTo>
                        <a:lnTo>
                          <a:pt x="99" y="74"/>
                        </a:lnTo>
                        <a:lnTo>
                          <a:pt x="47" y="173"/>
                        </a:lnTo>
                        <a:lnTo>
                          <a:pt x="83" y="111"/>
                        </a:lnTo>
                        <a:lnTo>
                          <a:pt x="100" y="93"/>
                        </a:lnTo>
                        <a:lnTo>
                          <a:pt x="99" y="106"/>
                        </a:lnTo>
                        <a:lnTo>
                          <a:pt x="93" y="126"/>
                        </a:lnTo>
                        <a:lnTo>
                          <a:pt x="89" y="143"/>
                        </a:lnTo>
                        <a:lnTo>
                          <a:pt x="76" y="181"/>
                        </a:lnTo>
                        <a:lnTo>
                          <a:pt x="54" y="248"/>
                        </a:lnTo>
                        <a:lnTo>
                          <a:pt x="26" y="326"/>
                        </a:lnTo>
                        <a:lnTo>
                          <a:pt x="3" y="381"/>
                        </a:lnTo>
                        <a:lnTo>
                          <a:pt x="28" y="315"/>
                        </a:lnTo>
                        <a:lnTo>
                          <a:pt x="42" y="275"/>
                        </a:lnTo>
                        <a:lnTo>
                          <a:pt x="61" y="224"/>
                        </a:lnTo>
                        <a:lnTo>
                          <a:pt x="71" y="193"/>
                        </a:lnTo>
                        <a:lnTo>
                          <a:pt x="87" y="154"/>
                        </a:lnTo>
                        <a:lnTo>
                          <a:pt x="93" y="136"/>
                        </a:lnTo>
                        <a:lnTo>
                          <a:pt x="99" y="120"/>
                        </a:lnTo>
                        <a:lnTo>
                          <a:pt x="95" y="122"/>
                        </a:lnTo>
                        <a:lnTo>
                          <a:pt x="101" y="132"/>
                        </a:lnTo>
                        <a:lnTo>
                          <a:pt x="95" y="143"/>
                        </a:lnTo>
                        <a:lnTo>
                          <a:pt x="87" y="176"/>
                        </a:lnTo>
                        <a:lnTo>
                          <a:pt x="78" y="210"/>
                        </a:lnTo>
                        <a:lnTo>
                          <a:pt x="67" y="237"/>
                        </a:lnTo>
                        <a:lnTo>
                          <a:pt x="85" y="181"/>
                        </a:lnTo>
                        <a:lnTo>
                          <a:pt x="93" y="154"/>
                        </a:lnTo>
                        <a:lnTo>
                          <a:pt x="99" y="132"/>
                        </a:lnTo>
                        <a:lnTo>
                          <a:pt x="101" y="132"/>
                        </a:lnTo>
                        <a:lnTo>
                          <a:pt x="97" y="164"/>
                        </a:lnTo>
                        <a:lnTo>
                          <a:pt x="102" y="156"/>
                        </a:lnTo>
                        <a:lnTo>
                          <a:pt x="99" y="176"/>
                        </a:lnTo>
                        <a:lnTo>
                          <a:pt x="93" y="198"/>
                        </a:lnTo>
                        <a:lnTo>
                          <a:pt x="81" y="231"/>
                        </a:lnTo>
                        <a:lnTo>
                          <a:pt x="67" y="254"/>
                        </a:lnTo>
                        <a:lnTo>
                          <a:pt x="54" y="282"/>
                        </a:lnTo>
                        <a:lnTo>
                          <a:pt x="44" y="305"/>
                        </a:lnTo>
                        <a:lnTo>
                          <a:pt x="50" y="293"/>
                        </a:lnTo>
                        <a:lnTo>
                          <a:pt x="70" y="253"/>
                        </a:lnTo>
                        <a:lnTo>
                          <a:pt x="93" y="204"/>
                        </a:lnTo>
                        <a:lnTo>
                          <a:pt x="97" y="193"/>
                        </a:lnTo>
                        <a:lnTo>
                          <a:pt x="101" y="176"/>
                        </a:lnTo>
                        <a:lnTo>
                          <a:pt x="96" y="213"/>
                        </a:lnTo>
                        <a:lnTo>
                          <a:pt x="105" y="199"/>
                        </a:lnTo>
                        <a:lnTo>
                          <a:pt x="97" y="248"/>
                        </a:lnTo>
                        <a:lnTo>
                          <a:pt x="95" y="259"/>
                        </a:lnTo>
                        <a:lnTo>
                          <a:pt x="92" y="266"/>
                        </a:lnTo>
                        <a:lnTo>
                          <a:pt x="82" y="292"/>
                        </a:lnTo>
                        <a:lnTo>
                          <a:pt x="71" y="317"/>
                        </a:lnTo>
                        <a:lnTo>
                          <a:pt x="50" y="359"/>
                        </a:lnTo>
                        <a:lnTo>
                          <a:pt x="30" y="399"/>
                        </a:lnTo>
                        <a:lnTo>
                          <a:pt x="0" y="454"/>
                        </a:lnTo>
                        <a:lnTo>
                          <a:pt x="36" y="381"/>
                        </a:lnTo>
                        <a:lnTo>
                          <a:pt x="73" y="310"/>
                        </a:lnTo>
                        <a:lnTo>
                          <a:pt x="87" y="282"/>
                        </a:lnTo>
                        <a:lnTo>
                          <a:pt x="95" y="252"/>
                        </a:lnTo>
                        <a:lnTo>
                          <a:pt x="103" y="239"/>
                        </a:lnTo>
                        <a:lnTo>
                          <a:pt x="104" y="240"/>
                        </a:lnTo>
                        <a:lnTo>
                          <a:pt x="62" y="367"/>
                        </a:lnTo>
                        <a:lnTo>
                          <a:pt x="95" y="280"/>
                        </a:lnTo>
                        <a:lnTo>
                          <a:pt x="102" y="277"/>
                        </a:lnTo>
                        <a:lnTo>
                          <a:pt x="93" y="324"/>
                        </a:lnTo>
                        <a:lnTo>
                          <a:pt x="101" y="313"/>
                        </a:lnTo>
                        <a:lnTo>
                          <a:pt x="89" y="365"/>
                        </a:lnTo>
                        <a:lnTo>
                          <a:pt x="81" y="399"/>
                        </a:lnTo>
                        <a:lnTo>
                          <a:pt x="67" y="426"/>
                        </a:lnTo>
                        <a:lnTo>
                          <a:pt x="46" y="460"/>
                        </a:lnTo>
                        <a:lnTo>
                          <a:pt x="28" y="492"/>
                        </a:lnTo>
                        <a:lnTo>
                          <a:pt x="14" y="515"/>
                        </a:lnTo>
                        <a:lnTo>
                          <a:pt x="3" y="527"/>
                        </a:lnTo>
                        <a:lnTo>
                          <a:pt x="63" y="438"/>
                        </a:lnTo>
                        <a:lnTo>
                          <a:pt x="76" y="411"/>
                        </a:lnTo>
                        <a:lnTo>
                          <a:pt x="83" y="393"/>
                        </a:lnTo>
                        <a:lnTo>
                          <a:pt x="92" y="359"/>
                        </a:lnTo>
                        <a:lnTo>
                          <a:pt x="101" y="328"/>
                        </a:lnTo>
                        <a:lnTo>
                          <a:pt x="92" y="373"/>
                        </a:lnTo>
                        <a:lnTo>
                          <a:pt x="99" y="357"/>
                        </a:lnTo>
                        <a:lnTo>
                          <a:pt x="91" y="394"/>
                        </a:lnTo>
                        <a:lnTo>
                          <a:pt x="98" y="386"/>
                        </a:lnTo>
                        <a:lnTo>
                          <a:pt x="90" y="430"/>
                        </a:lnTo>
                        <a:lnTo>
                          <a:pt x="99" y="415"/>
                        </a:lnTo>
                        <a:lnTo>
                          <a:pt x="91" y="438"/>
                        </a:lnTo>
                        <a:lnTo>
                          <a:pt x="81" y="471"/>
                        </a:lnTo>
                        <a:lnTo>
                          <a:pt x="73" y="481"/>
                        </a:lnTo>
                        <a:lnTo>
                          <a:pt x="47" y="521"/>
                        </a:lnTo>
                        <a:lnTo>
                          <a:pt x="24" y="544"/>
                        </a:lnTo>
                        <a:lnTo>
                          <a:pt x="50" y="517"/>
                        </a:lnTo>
                        <a:lnTo>
                          <a:pt x="71" y="482"/>
                        </a:lnTo>
                        <a:lnTo>
                          <a:pt x="91" y="449"/>
                        </a:lnTo>
                        <a:lnTo>
                          <a:pt x="97" y="433"/>
                        </a:lnTo>
                        <a:lnTo>
                          <a:pt x="89" y="466"/>
                        </a:lnTo>
                        <a:lnTo>
                          <a:pt x="95" y="460"/>
                        </a:lnTo>
                        <a:lnTo>
                          <a:pt x="91" y="476"/>
                        </a:lnTo>
                        <a:lnTo>
                          <a:pt x="89" y="499"/>
                        </a:lnTo>
                        <a:lnTo>
                          <a:pt x="93" y="492"/>
                        </a:lnTo>
                        <a:lnTo>
                          <a:pt x="88" y="512"/>
                        </a:lnTo>
                        <a:lnTo>
                          <a:pt x="73" y="544"/>
                        </a:lnTo>
                        <a:lnTo>
                          <a:pt x="63" y="549"/>
                        </a:lnTo>
                        <a:lnTo>
                          <a:pt x="50" y="555"/>
                        </a:lnTo>
                        <a:lnTo>
                          <a:pt x="75" y="538"/>
                        </a:lnTo>
                        <a:lnTo>
                          <a:pt x="91" y="510"/>
                        </a:lnTo>
                        <a:lnTo>
                          <a:pt x="95" y="488"/>
                        </a:lnTo>
                        <a:lnTo>
                          <a:pt x="89" y="536"/>
                        </a:lnTo>
                        <a:lnTo>
                          <a:pt x="95" y="523"/>
                        </a:lnTo>
                        <a:lnTo>
                          <a:pt x="92" y="550"/>
                        </a:lnTo>
                        <a:lnTo>
                          <a:pt x="85" y="585"/>
                        </a:lnTo>
                        <a:lnTo>
                          <a:pt x="44" y="640"/>
                        </a:lnTo>
                        <a:lnTo>
                          <a:pt x="85" y="589"/>
                        </a:lnTo>
                        <a:lnTo>
                          <a:pt x="89" y="571"/>
                        </a:lnTo>
                        <a:lnTo>
                          <a:pt x="92" y="560"/>
                        </a:lnTo>
                        <a:lnTo>
                          <a:pt x="98" y="546"/>
                        </a:lnTo>
                        <a:lnTo>
                          <a:pt x="103" y="572"/>
                        </a:lnTo>
                        <a:lnTo>
                          <a:pt x="105" y="523"/>
                        </a:lnTo>
                        <a:lnTo>
                          <a:pt x="112" y="49"/>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89" name="Freeform 43"/>
                  <p:cNvSpPr>
                    <a:spLocks/>
                  </p:cNvSpPr>
                  <p:nvPr/>
                </p:nvSpPr>
                <p:spPr bwMode="ltGray">
                  <a:xfrm>
                    <a:off x="335" y="2718"/>
                    <a:ext cx="114" cy="641"/>
                  </a:xfrm>
                  <a:custGeom>
                    <a:avLst/>
                    <a:gdLst>
                      <a:gd name="T0" fmla="*/ 0 w 114"/>
                      <a:gd name="T1" fmla="*/ 529 h 641"/>
                      <a:gd name="T2" fmla="*/ 4 w 114"/>
                      <a:gd name="T3" fmla="*/ 507 h 641"/>
                      <a:gd name="T4" fmla="*/ 32 w 114"/>
                      <a:gd name="T5" fmla="*/ 640 h 641"/>
                      <a:gd name="T6" fmla="*/ 10 w 114"/>
                      <a:gd name="T7" fmla="*/ 510 h 641"/>
                      <a:gd name="T8" fmla="*/ 12 w 114"/>
                      <a:gd name="T9" fmla="*/ 496 h 641"/>
                      <a:gd name="T10" fmla="*/ 39 w 114"/>
                      <a:gd name="T11" fmla="*/ 591 h 641"/>
                      <a:gd name="T12" fmla="*/ 11 w 114"/>
                      <a:gd name="T13" fmla="*/ 490 h 641"/>
                      <a:gd name="T14" fmla="*/ 15 w 114"/>
                      <a:gd name="T15" fmla="*/ 469 h 641"/>
                      <a:gd name="T16" fmla="*/ 18 w 114"/>
                      <a:gd name="T17" fmla="*/ 446 h 641"/>
                      <a:gd name="T18" fmla="*/ 16 w 114"/>
                      <a:gd name="T19" fmla="*/ 430 h 641"/>
                      <a:gd name="T20" fmla="*/ 20 w 114"/>
                      <a:gd name="T21" fmla="*/ 420 h 641"/>
                      <a:gd name="T22" fmla="*/ 18 w 114"/>
                      <a:gd name="T23" fmla="*/ 418 h 641"/>
                      <a:gd name="T24" fmla="*/ 18 w 114"/>
                      <a:gd name="T25" fmla="*/ 395 h 641"/>
                      <a:gd name="T26" fmla="*/ 20 w 114"/>
                      <a:gd name="T27" fmla="*/ 379 h 641"/>
                      <a:gd name="T28" fmla="*/ 53 w 114"/>
                      <a:gd name="T29" fmla="*/ 491 h 641"/>
                      <a:gd name="T30" fmla="*/ 18 w 114"/>
                      <a:gd name="T31" fmla="*/ 374 h 641"/>
                      <a:gd name="T32" fmla="*/ 22 w 114"/>
                      <a:gd name="T33" fmla="*/ 374 h 641"/>
                      <a:gd name="T34" fmla="*/ 22 w 114"/>
                      <a:gd name="T35" fmla="*/ 340 h 641"/>
                      <a:gd name="T36" fmla="*/ 64 w 114"/>
                      <a:gd name="T37" fmla="*/ 419 h 641"/>
                      <a:gd name="T38" fmla="*/ 31 w 114"/>
                      <a:gd name="T39" fmla="*/ 364 h 641"/>
                      <a:gd name="T40" fmla="*/ 19 w 114"/>
                      <a:gd name="T41" fmla="*/ 318 h 641"/>
                      <a:gd name="T42" fmla="*/ 20 w 114"/>
                      <a:gd name="T43" fmla="*/ 301 h 641"/>
                      <a:gd name="T44" fmla="*/ 27 w 114"/>
                      <a:gd name="T45" fmla="*/ 316 h 641"/>
                      <a:gd name="T46" fmla="*/ 28 w 114"/>
                      <a:gd name="T47" fmla="*/ 295 h 641"/>
                      <a:gd name="T48" fmla="*/ 59 w 114"/>
                      <a:gd name="T49" fmla="*/ 330 h 641"/>
                      <a:gd name="T50" fmla="*/ 47 w 114"/>
                      <a:gd name="T51" fmla="*/ 313 h 641"/>
                      <a:gd name="T52" fmla="*/ 23 w 114"/>
                      <a:gd name="T53" fmla="*/ 269 h 641"/>
                      <a:gd name="T54" fmla="*/ 22 w 114"/>
                      <a:gd name="T55" fmla="*/ 240 h 641"/>
                      <a:gd name="T56" fmla="*/ 24 w 114"/>
                      <a:gd name="T57" fmla="*/ 222 h 641"/>
                      <a:gd name="T58" fmla="*/ 32 w 114"/>
                      <a:gd name="T59" fmla="*/ 235 h 641"/>
                      <a:gd name="T60" fmla="*/ 31 w 114"/>
                      <a:gd name="T61" fmla="*/ 206 h 641"/>
                      <a:gd name="T62" fmla="*/ 28 w 114"/>
                      <a:gd name="T63" fmla="*/ 185 h 641"/>
                      <a:gd name="T64" fmla="*/ 30 w 114"/>
                      <a:gd name="T65" fmla="*/ 174 h 641"/>
                      <a:gd name="T66" fmla="*/ 63 w 114"/>
                      <a:gd name="T67" fmla="*/ 228 h 641"/>
                      <a:gd name="T68" fmla="*/ 101 w 114"/>
                      <a:gd name="T69" fmla="*/ 269 h 641"/>
                      <a:gd name="T70" fmla="*/ 47 w 114"/>
                      <a:gd name="T71" fmla="*/ 202 h 641"/>
                      <a:gd name="T72" fmla="*/ 30 w 114"/>
                      <a:gd name="T73" fmla="*/ 174 h 641"/>
                      <a:gd name="T74" fmla="*/ 32 w 114"/>
                      <a:gd name="T75" fmla="*/ 158 h 641"/>
                      <a:gd name="T76" fmla="*/ 28 w 114"/>
                      <a:gd name="T77" fmla="*/ 122 h 641"/>
                      <a:gd name="T78" fmla="*/ 30 w 114"/>
                      <a:gd name="T79" fmla="*/ 97 h 641"/>
                      <a:gd name="T80" fmla="*/ 47 w 114"/>
                      <a:gd name="T81" fmla="*/ 127 h 641"/>
                      <a:gd name="T82" fmla="*/ 44 w 114"/>
                      <a:gd name="T83" fmla="*/ 119 h 641"/>
                      <a:gd name="T84" fmla="*/ 32 w 114"/>
                      <a:gd name="T85" fmla="*/ 97 h 641"/>
                      <a:gd name="T86" fmla="*/ 30 w 114"/>
                      <a:gd name="T87" fmla="*/ 86 h 641"/>
                      <a:gd name="T88" fmla="*/ 24 w 114"/>
                      <a:gd name="T89" fmla="*/ 70 h 641"/>
                      <a:gd name="T90" fmla="*/ 59 w 114"/>
                      <a:gd name="T91" fmla="*/ 99 h 641"/>
                      <a:gd name="T92" fmla="*/ 24 w 114"/>
                      <a:gd name="T93" fmla="*/ 47 h 641"/>
                      <a:gd name="T94" fmla="*/ 65 w 114"/>
                      <a:gd name="T95" fmla="*/ 47 h 641"/>
                      <a:gd name="T96" fmla="*/ 84 w 114"/>
                      <a:gd name="T97" fmla="*/ 40 h 641"/>
                      <a:gd name="T98" fmla="*/ 30 w 114"/>
                      <a:gd name="T99" fmla="*/ 47 h 641"/>
                      <a:gd name="T100" fmla="*/ 22 w 114"/>
                      <a:gd name="T101" fmla="*/ 19 h 641"/>
                      <a:gd name="T102" fmla="*/ 10 w 114"/>
                      <a:gd name="T103" fmla="*/ 8 h 641"/>
                      <a:gd name="T104" fmla="*/ 0 w 114"/>
                      <a:gd name="T105" fmla="*/ 556 h 6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114" h="641">
                        <a:moveTo>
                          <a:pt x="0" y="556"/>
                        </a:moveTo>
                        <a:lnTo>
                          <a:pt x="0" y="529"/>
                        </a:lnTo>
                        <a:lnTo>
                          <a:pt x="7" y="545"/>
                        </a:lnTo>
                        <a:lnTo>
                          <a:pt x="4" y="507"/>
                        </a:lnTo>
                        <a:lnTo>
                          <a:pt x="10" y="512"/>
                        </a:lnTo>
                        <a:lnTo>
                          <a:pt x="32" y="640"/>
                        </a:lnTo>
                        <a:lnTo>
                          <a:pt x="12" y="529"/>
                        </a:lnTo>
                        <a:lnTo>
                          <a:pt x="10" y="510"/>
                        </a:lnTo>
                        <a:lnTo>
                          <a:pt x="8" y="491"/>
                        </a:lnTo>
                        <a:lnTo>
                          <a:pt x="12" y="496"/>
                        </a:lnTo>
                        <a:lnTo>
                          <a:pt x="25" y="531"/>
                        </a:lnTo>
                        <a:lnTo>
                          <a:pt x="39" y="591"/>
                        </a:lnTo>
                        <a:lnTo>
                          <a:pt x="18" y="512"/>
                        </a:lnTo>
                        <a:lnTo>
                          <a:pt x="11" y="490"/>
                        </a:lnTo>
                        <a:lnTo>
                          <a:pt x="10" y="460"/>
                        </a:lnTo>
                        <a:lnTo>
                          <a:pt x="15" y="469"/>
                        </a:lnTo>
                        <a:lnTo>
                          <a:pt x="14" y="434"/>
                        </a:lnTo>
                        <a:lnTo>
                          <a:pt x="18" y="446"/>
                        </a:lnTo>
                        <a:lnTo>
                          <a:pt x="38" y="562"/>
                        </a:lnTo>
                        <a:lnTo>
                          <a:pt x="16" y="430"/>
                        </a:lnTo>
                        <a:lnTo>
                          <a:pt x="14" y="407"/>
                        </a:lnTo>
                        <a:lnTo>
                          <a:pt x="20" y="420"/>
                        </a:lnTo>
                        <a:lnTo>
                          <a:pt x="36" y="485"/>
                        </a:lnTo>
                        <a:lnTo>
                          <a:pt x="18" y="418"/>
                        </a:lnTo>
                        <a:lnTo>
                          <a:pt x="12" y="385"/>
                        </a:lnTo>
                        <a:lnTo>
                          <a:pt x="18" y="395"/>
                        </a:lnTo>
                        <a:lnTo>
                          <a:pt x="14" y="374"/>
                        </a:lnTo>
                        <a:lnTo>
                          <a:pt x="20" y="379"/>
                        </a:lnTo>
                        <a:lnTo>
                          <a:pt x="26" y="418"/>
                        </a:lnTo>
                        <a:lnTo>
                          <a:pt x="53" y="491"/>
                        </a:lnTo>
                        <a:lnTo>
                          <a:pt x="24" y="407"/>
                        </a:lnTo>
                        <a:lnTo>
                          <a:pt x="18" y="374"/>
                        </a:lnTo>
                        <a:lnTo>
                          <a:pt x="16" y="357"/>
                        </a:lnTo>
                        <a:lnTo>
                          <a:pt x="22" y="374"/>
                        </a:lnTo>
                        <a:lnTo>
                          <a:pt x="18" y="336"/>
                        </a:lnTo>
                        <a:lnTo>
                          <a:pt x="22" y="340"/>
                        </a:lnTo>
                        <a:lnTo>
                          <a:pt x="25" y="360"/>
                        </a:lnTo>
                        <a:lnTo>
                          <a:pt x="64" y="419"/>
                        </a:lnTo>
                        <a:lnTo>
                          <a:pt x="43" y="384"/>
                        </a:lnTo>
                        <a:lnTo>
                          <a:pt x="31" y="364"/>
                        </a:lnTo>
                        <a:lnTo>
                          <a:pt x="28" y="357"/>
                        </a:lnTo>
                        <a:lnTo>
                          <a:pt x="19" y="318"/>
                        </a:lnTo>
                        <a:lnTo>
                          <a:pt x="22" y="325"/>
                        </a:lnTo>
                        <a:lnTo>
                          <a:pt x="20" y="301"/>
                        </a:lnTo>
                        <a:lnTo>
                          <a:pt x="19" y="306"/>
                        </a:lnTo>
                        <a:lnTo>
                          <a:pt x="27" y="316"/>
                        </a:lnTo>
                        <a:lnTo>
                          <a:pt x="21" y="290"/>
                        </a:lnTo>
                        <a:lnTo>
                          <a:pt x="28" y="295"/>
                        </a:lnTo>
                        <a:lnTo>
                          <a:pt x="43" y="308"/>
                        </a:lnTo>
                        <a:lnTo>
                          <a:pt x="59" y="330"/>
                        </a:lnTo>
                        <a:lnTo>
                          <a:pt x="99" y="413"/>
                        </a:lnTo>
                        <a:lnTo>
                          <a:pt x="47" y="313"/>
                        </a:lnTo>
                        <a:lnTo>
                          <a:pt x="28" y="290"/>
                        </a:lnTo>
                        <a:lnTo>
                          <a:pt x="23" y="269"/>
                        </a:lnTo>
                        <a:lnTo>
                          <a:pt x="31" y="279"/>
                        </a:lnTo>
                        <a:lnTo>
                          <a:pt x="22" y="240"/>
                        </a:lnTo>
                        <a:lnTo>
                          <a:pt x="28" y="243"/>
                        </a:lnTo>
                        <a:lnTo>
                          <a:pt x="24" y="222"/>
                        </a:lnTo>
                        <a:lnTo>
                          <a:pt x="25" y="218"/>
                        </a:lnTo>
                        <a:lnTo>
                          <a:pt x="32" y="235"/>
                        </a:lnTo>
                        <a:lnTo>
                          <a:pt x="25" y="206"/>
                        </a:lnTo>
                        <a:lnTo>
                          <a:pt x="31" y="206"/>
                        </a:lnTo>
                        <a:lnTo>
                          <a:pt x="24" y="185"/>
                        </a:lnTo>
                        <a:lnTo>
                          <a:pt x="28" y="185"/>
                        </a:lnTo>
                        <a:lnTo>
                          <a:pt x="24" y="174"/>
                        </a:lnTo>
                        <a:lnTo>
                          <a:pt x="30" y="174"/>
                        </a:lnTo>
                        <a:lnTo>
                          <a:pt x="42" y="198"/>
                        </a:lnTo>
                        <a:lnTo>
                          <a:pt x="63" y="228"/>
                        </a:lnTo>
                        <a:lnTo>
                          <a:pt x="83" y="252"/>
                        </a:lnTo>
                        <a:lnTo>
                          <a:pt x="101" y="269"/>
                        </a:lnTo>
                        <a:lnTo>
                          <a:pt x="57" y="218"/>
                        </a:lnTo>
                        <a:lnTo>
                          <a:pt x="47" y="202"/>
                        </a:lnTo>
                        <a:lnTo>
                          <a:pt x="32" y="181"/>
                        </a:lnTo>
                        <a:lnTo>
                          <a:pt x="30" y="174"/>
                        </a:lnTo>
                        <a:lnTo>
                          <a:pt x="26" y="152"/>
                        </a:lnTo>
                        <a:lnTo>
                          <a:pt x="32" y="158"/>
                        </a:lnTo>
                        <a:lnTo>
                          <a:pt x="25" y="122"/>
                        </a:lnTo>
                        <a:lnTo>
                          <a:pt x="28" y="122"/>
                        </a:lnTo>
                        <a:lnTo>
                          <a:pt x="24" y="97"/>
                        </a:lnTo>
                        <a:lnTo>
                          <a:pt x="30" y="97"/>
                        </a:lnTo>
                        <a:lnTo>
                          <a:pt x="34" y="109"/>
                        </a:lnTo>
                        <a:lnTo>
                          <a:pt x="47" y="127"/>
                        </a:lnTo>
                        <a:lnTo>
                          <a:pt x="87" y="169"/>
                        </a:lnTo>
                        <a:lnTo>
                          <a:pt x="44" y="119"/>
                        </a:lnTo>
                        <a:lnTo>
                          <a:pt x="34" y="108"/>
                        </a:lnTo>
                        <a:lnTo>
                          <a:pt x="32" y="97"/>
                        </a:lnTo>
                        <a:lnTo>
                          <a:pt x="26" y="80"/>
                        </a:lnTo>
                        <a:lnTo>
                          <a:pt x="30" y="86"/>
                        </a:lnTo>
                        <a:lnTo>
                          <a:pt x="20" y="63"/>
                        </a:lnTo>
                        <a:lnTo>
                          <a:pt x="24" y="70"/>
                        </a:lnTo>
                        <a:lnTo>
                          <a:pt x="33" y="69"/>
                        </a:lnTo>
                        <a:lnTo>
                          <a:pt x="59" y="99"/>
                        </a:lnTo>
                        <a:lnTo>
                          <a:pt x="32" y="70"/>
                        </a:lnTo>
                        <a:lnTo>
                          <a:pt x="24" y="47"/>
                        </a:lnTo>
                        <a:lnTo>
                          <a:pt x="32" y="47"/>
                        </a:lnTo>
                        <a:lnTo>
                          <a:pt x="65" y="47"/>
                        </a:lnTo>
                        <a:lnTo>
                          <a:pt x="113" y="24"/>
                        </a:lnTo>
                        <a:lnTo>
                          <a:pt x="84" y="40"/>
                        </a:lnTo>
                        <a:lnTo>
                          <a:pt x="42" y="52"/>
                        </a:lnTo>
                        <a:lnTo>
                          <a:pt x="30" y="47"/>
                        </a:lnTo>
                        <a:lnTo>
                          <a:pt x="26" y="36"/>
                        </a:lnTo>
                        <a:lnTo>
                          <a:pt x="22" y="19"/>
                        </a:lnTo>
                        <a:lnTo>
                          <a:pt x="13" y="0"/>
                        </a:lnTo>
                        <a:lnTo>
                          <a:pt x="10" y="8"/>
                        </a:lnTo>
                        <a:lnTo>
                          <a:pt x="8" y="1"/>
                        </a:lnTo>
                        <a:lnTo>
                          <a:pt x="0" y="556"/>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86" name="Freeform 45"/>
                <p:cNvSpPr>
                  <a:spLocks/>
                </p:cNvSpPr>
                <p:nvPr/>
              </p:nvSpPr>
              <p:spPr bwMode="ltGray">
                <a:xfrm>
                  <a:off x="336" y="3361"/>
                  <a:ext cx="31" cy="490"/>
                </a:xfrm>
                <a:custGeom>
                  <a:avLst/>
                  <a:gdLst>
                    <a:gd name="T0" fmla="*/ 5 w 31"/>
                    <a:gd name="T1" fmla="*/ 0 h 490"/>
                    <a:gd name="T2" fmla="*/ 11 w 31"/>
                    <a:gd name="T3" fmla="*/ 37 h 490"/>
                    <a:gd name="T4" fmla="*/ 18 w 31"/>
                    <a:gd name="T5" fmla="*/ 96 h 490"/>
                    <a:gd name="T6" fmla="*/ 24 w 31"/>
                    <a:gd name="T7" fmla="*/ 178 h 490"/>
                    <a:gd name="T8" fmla="*/ 30 w 31"/>
                    <a:gd name="T9" fmla="*/ 282 h 490"/>
                    <a:gd name="T10" fmla="*/ 30 w 31"/>
                    <a:gd name="T11" fmla="*/ 393 h 490"/>
                    <a:gd name="T12" fmla="*/ 27 w 31"/>
                    <a:gd name="T13" fmla="*/ 489 h 490"/>
                    <a:gd name="T14" fmla="*/ 24 w 31"/>
                    <a:gd name="T15" fmla="*/ 489 h 490"/>
                    <a:gd name="T16" fmla="*/ 27 w 31"/>
                    <a:gd name="T17" fmla="*/ 393 h 490"/>
                    <a:gd name="T18" fmla="*/ 27 w 31"/>
                    <a:gd name="T19" fmla="*/ 311 h 490"/>
                    <a:gd name="T20" fmla="*/ 21 w 31"/>
                    <a:gd name="T21" fmla="*/ 222 h 490"/>
                    <a:gd name="T22" fmla="*/ 11 w 31"/>
                    <a:gd name="T23" fmla="*/ 133 h 490"/>
                    <a:gd name="T24" fmla="*/ 0 w 31"/>
                    <a:gd name="T25" fmla="*/ 22 h 490"/>
                    <a:gd name="T26" fmla="*/ 5 w 31"/>
                    <a:gd name="T27" fmla="*/ 0 h 4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1" h="490">
                      <a:moveTo>
                        <a:pt x="5" y="0"/>
                      </a:moveTo>
                      <a:lnTo>
                        <a:pt x="11" y="37"/>
                      </a:lnTo>
                      <a:lnTo>
                        <a:pt x="18" y="96"/>
                      </a:lnTo>
                      <a:lnTo>
                        <a:pt x="24" y="178"/>
                      </a:lnTo>
                      <a:lnTo>
                        <a:pt x="30" y="282"/>
                      </a:lnTo>
                      <a:lnTo>
                        <a:pt x="30" y="393"/>
                      </a:lnTo>
                      <a:lnTo>
                        <a:pt x="27" y="489"/>
                      </a:lnTo>
                      <a:lnTo>
                        <a:pt x="24" y="489"/>
                      </a:lnTo>
                      <a:lnTo>
                        <a:pt x="27" y="393"/>
                      </a:lnTo>
                      <a:lnTo>
                        <a:pt x="27" y="311"/>
                      </a:lnTo>
                      <a:lnTo>
                        <a:pt x="21" y="222"/>
                      </a:lnTo>
                      <a:lnTo>
                        <a:pt x="11" y="133"/>
                      </a:lnTo>
                      <a:lnTo>
                        <a:pt x="0" y="22"/>
                      </a:lnTo>
                      <a:lnTo>
                        <a:pt x="5"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87" name="Freeform 46"/>
                <p:cNvSpPr>
                  <a:spLocks/>
                </p:cNvSpPr>
                <p:nvPr/>
              </p:nvSpPr>
              <p:spPr bwMode="ltGray">
                <a:xfrm>
                  <a:off x="181" y="3161"/>
                  <a:ext cx="90" cy="439"/>
                </a:xfrm>
                <a:custGeom>
                  <a:avLst/>
                  <a:gdLst>
                    <a:gd name="T0" fmla="*/ 25 w 90"/>
                    <a:gd name="T1" fmla="*/ 438 h 439"/>
                    <a:gd name="T2" fmla="*/ 19 w 90"/>
                    <a:gd name="T3" fmla="*/ 362 h 439"/>
                    <a:gd name="T4" fmla="*/ 16 w 90"/>
                    <a:gd name="T5" fmla="*/ 330 h 439"/>
                    <a:gd name="T6" fmla="*/ 10 w 90"/>
                    <a:gd name="T7" fmla="*/ 291 h 439"/>
                    <a:gd name="T8" fmla="*/ 3 w 90"/>
                    <a:gd name="T9" fmla="*/ 253 h 439"/>
                    <a:gd name="T10" fmla="*/ 1 w 90"/>
                    <a:gd name="T11" fmla="*/ 231 h 439"/>
                    <a:gd name="T12" fmla="*/ 0 w 90"/>
                    <a:gd name="T13" fmla="*/ 209 h 439"/>
                    <a:gd name="T14" fmla="*/ 1 w 90"/>
                    <a:gd name="T15" fmla="*/ 176 h 439"/>
                    <a:gd name="T16" fmla="*/ 2 w 90"/>
                    <a:gd name="T17" fmla="*/ 143 h 439"/>
                    <a:gd name="T18" fmla="*/ 13 w 90"/>
                    <a:gd name="T19" fmla="*/ 59 h 439"/>
                    <a:gd name="T20" fmla="*/ 16 w 90"/>
                    <a:gd name="T21" fmla="*/ 40 h 439"/>
                    <a:gd name="T22" fmla="*/ 25 w 90"/>
                    <a:gd name="T23" fmla="*/ 19 h 439"/>
                    <a:gd name="T24" fmla="*/ 32 w 90"/>
                    <a:gd name="T25" fmla="*/ 5 h 439"/>
                    <a:gd name="T26" fmla="*/ 41 w 90"/>
                    <a:gd name="T27" fmla="*/ 0 h 439"/>
                    <a:gd name="T28" fmla="*/ 48 w 90"/>
                    <a:gd name="T29" fmla="*/ 5 h 439"/>
                    <a:gd name="T30" fmla="*/ 58 w 90"/>
                    <a:gd name="T31" fmla="*/ 19 h 439"/>
                    <a:gd name="T32" fmla="*/ 67 w 90"/>
                    <a:gd name="T33" fmla="*/ 44 h 439"/>
                    <a:gd name="T34" fmla="*/ 69 w 90"/>
                    <a:gd name="T35" fmla="*/ 62 h 439"/>
                    <a:gd name="T36" fmla="*/ 75 w 90"/>
                    <a:gd name="T37" fmla="*/ 89 h 439"/>
                    <a:gd name="T38" fmla="*/ 80 w 90"/>
                    <a:gd name="T39" fmla="*/ 112 h 439"/>
                    <a:gd name="T40" fmla="*/ 87 w 90"/>
                    <a:gd name="T41" fmla="*/ 227 h 439"/>
                    <a:gd name="T42" fmla="*/ 89 w 90"/>
                    <a:gd name="T43" fmla="*/ 249 h 439"/>
                    <a:gd name="T44" fmla="*/ 87 w 90"/>
                    <a:gd name="T45" fmla="*/ 285 h 439"/>
                    <a:gd name="T46" fmla="*/ 82 w 90"/>
                    <a:gd name="T47" fmla="*/ 393 h 439"/>
                    <a:gd name="T48" fmla="*/ 82 w 90"/>
                    <a:gd name="T49" fmla="*/ 288 h 439"/>
                    <a:gd name="T50" fmla="*/ 80 w 90"/>
                    <a:gd name="T51" fmla="*/ 242 h 439"/>
                    <a:gd name="T52" fmla="*/ 78 w 90"/>
                    <a:gd name="T53" fmla="*/ 213 h 439"/>
                    <a:gd name="T54" fmla="*/ 75 w 90"/>
                    <a:gd name="T55" fmla="*/ 176 h 439"/>
                    <a:gd name="T56" fmla="*/ 70 w 90"/>
                    <a:gd name="T57" fmla="*/ 138 h 439"/>
                    <a:gd name="T58" fmla="*/ 65 w 90"/>
                    <a:gd name="T59" fmla="*/ 100 h 439"/>
                    <a:gd name="T60" fmla="*/ 59 w 90"/>
                    <a:gd name="T61" fmla="*/ 66 h 439"/>
                    <a:gd name="T62" fmla="*/ 53 w 90"/>
                    <a:gd name="T63" fmla="*/ 35 h 439"/>
                    <a:gd name="T64" fmla="*/ 48 w 90"/>
                    <a:gd name="T65" fmla="*/ 19 h 439"/>
                    <a:gd name="T66" fmla="*/ 42 w 90"/>
                    <a:gd name="T67" fmla="*/ 11 h 439"/>
                    <a:gd name="T68" fmla="*/ 36 w 90"/>
                    <a:gd name="T69" fmla="*/ 19 h 439"/>
                    <a:gd name="T70" fmla="*/ 30 w 90"/>
                    <a:gd name="T71" fmla="*/ 34 h 439"/>
                    <a:gd name="T72" fmla="*/ 28 w 90"/>
                    <a:gd name="T73" fmla="*/ 62 h 439"/>
                    <a:gd name="T74" fmla="*/ 28 w 90"/>
                    <a:gd name="T75" fmla="*/ 84 h 439"/>
                    <a:gd name="T76" fmla="*/ 26 w 90"/>
                    <a:gd name="T77" fmla="*/ 125 h 439"/>
                    <a:gd name="T78" fmla="*/ 24 w 90"/>
                    <a:gd name="T79" fmla="*/ 149 h 439"/>
                    <a:gd name="T80" fmla="*/ 18 w 90"/>
                    <a:gd name="T81" fmla="*/ 188 h 439"/>
                    <a:gd name="T82" fmla="*/ 16 w 90"/>
                    <a:gd name="T83" fmla="*/ 209 h 439"/>
                    <a:gd name="T84" fmla="*/ 15 w 90"/>
                    <a:gd name="T85" fmla="*/ 228 h 439"/>
                    <a:gd name="T86" fmla="*/ 15 w 90"/>
                    <a:gd name="T87" fmla="*/ 258 h 439"/>
                    <a:gd name="T88" fmla="*/ 26 w 90"/>
                    <a:gd name="T89" fmla="*/ 356 h 439"/>
                    <a:gd name="T90" fmla="*/ 25 w 90"/>
                    <a:gd name="T91" fmla="*/ 438 h 43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90" h="439">
                      <a:moveTo>
                        <a:pt x="25" y="438"/>
                      </a:moveTo>
                      <a:lnTo>
                        <a:pt x="19" y="362"/>
                      </a:lnTo>
                      <a:lnTo>
                        <a:pt x="16" y="330"/>
                      </a:lnTo>
                      <a:lnTo>
                        <a:pt x="10" y="291"/>
                      </a:lnTo>
                      <a:lnTo>
                        <a:pt x="3" y="253"/>
                      </a:lnTo>
                      <a:lnTo>
                        <a:pt x="1" y="231"/>
                      </a:lnTo>
                      <a:lnTo>
                        <a:pt x="0" y="209"/>
                      </a:lnTo>
                      <a:lnTo>
                        <a:pt x="1" y="176"/>
                      </a:lnTo>
                      <a:lnTo>
                        <a:pt x="2" y="143"/>
                      </a:lnTo>
                      <a:lnTo>
                        <a:pt x="13" y="59"/>
                      </a:lnTo>
                      <a:lnTo>
                        <a:pt x="16" y="40"/>
                      </a:lnTo>
                      <a:lnTo>
                        <a:pt x="25" y="19"/>
                      </a:lnTo>
                      <a:lnTo>
                        <a:pt x="32" y="5"/>
                      </a:lnTo>
                      <a:lnTo>
                        <a:pt x="41" y="0"/>
                      </a:lnTo>
                      <a:lnTo>
                        <a:pt x="48" y="5"/>
                      </a:lnTo>
                      <a:lnTo>
                        <a:pt x="58" y="19"/>
                      </a:lnTo>
                      <a:lnTo>
                        <a:pt x="67" y="44"/>
                      </a:lnTo>
                      <a:lnTo>
                        <a:pt x="69" y="62"/>
                      </a:lnTo>
                      <a:lnTo>
                        <a:pt x="75" y="89"/>
                      </a:lnTo>
                      <a:lnTo>
                        <a:pt x="80" y="112"/>
                      </a:lnTo>
                      <a:lnTo>
                        <a:pt x="87" y="227"/>
                      </a:lnTo>
                      <a:lnTo>
                        <a:pt x="89" y="249"/>
                      </a:lnTo>
                      <a:lnTo>
                        <a:pt x="87" y="285"/>
                      </a:lnTo>
                      <a:lnTo>
                        <a:pt x="82" y="393"/>
                      </a:lnTo>
                      <a:lnTo>
                        <a:pt x="82" y="288"/>
                      </a:lnTo>
                      <a:lnTo>
                        <a:pt x="80" y="242"/>
                      </a:lnTo>
                      <a:lnTo>
                        <a:pt x="78" y="213"/>
                      </a:lnTo>
                      <a:lnTo>
                        <a:pt x="75" y="176"/>
                      </a:lnTo>
                      <a:lnTo>
                        <a:pt x="70" y="138"/>
                      </a:lnTo>
                      <a:lnTo>
                        <a:pt x="65" y="100"/>
                      </a:lnTo>
                      <a:lnTo>
                        <a:pt x="59" y="66"/>
                      </a:lnTo>
                      <a:lnTo>
                        <a:pt x="53" y="35"/>
                      </a:lnTo>
                      <a:lnTo>
                        <a:pt x="48" y="19"/>
                      </a:lnTo>
                      <a:lnTo>
                        <a:pt x="42" y="11"/>
                      </a:lnTo>
                      <a:lnTo>
                        <a:pt x="36" y="19"/>
                      </a:lnTo>
                      <a:lnTo>
                        <a:pt x="30" y="34"/>
                      </a:lnTo>
                      <a:lnTo>
                        <a:pt x="28" y="62"/>
                      </a:lnTo>
                      <a:lnTo>
                        <a:pt x="28" y="84"/>
                      </a:lnTo>
                      <a:lnTo>
                        <a:pt x="26" y="125"/>
                      </a:lnTo>
                      <a:lnTo>
                        <a:pt x="24" y="149"/>
                      </a:lnTo>
                      <a:lnTo>
                        <a:pt x="18" y="188"/>
                      </a:lnTo>
                      <a:lnTo>
                        <a:pt x="16" y="209"/>
                      </a:lnTo>
                      <a:lnTo>
                        <a:pt x="15" y="228"/>
                      </a:lnTo>
                      <a:lnTo>
                        <a:pt x="15" y="258"/>
                      </a:lnTo>
                      <a:lnTo>
                        <a:pt x="26" y="356"/>
                      </a:lnTo>
                      <a:lnTo>
                        <a:pt x="25" y="438"/>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63" name="Freeform 48"/>
              <p:cNvSpPr>
                <a:spLocks/>
              </p:cNvSpPr>
              <p:nvPr/>
            </p:nvSpPr>
            <p:spPr bwMode="ltGray">
              <a:xfrm>
                <a:off x="737" y="4020"/>
                <a:ext cx="48" cy="125"/>
              </a:xfrm>
              <a:custGeom>
                <a:avLst/>
                <a:gdLst>
                  <a:gd name="T0" fmla="*/ 37 w 48"/>
                  <a:gd name="T1" fmla="*/ 0 h 125"/>
                  <a:gd name="T2" fmla="*/ 34 w 48"/>
                  <a:gd name="T3" fmla="*/ 2 h 125"/>
                  <a:gd name="T4" fmla="*/ 18 w 48"/>
                  <a:gd name="T5" fmla="*/ 24 h 125"/>
                  <a:gd name="T6" fmla="*/ 9 w 48"/>
                  <a:gd name="T7" fmla="*/ 45 h 125"/>
                  <a:gd name="T8" fmla="*/ 0 w 48"/>
                  <a:gd name="T9" fmla="*/ 71 h 125"/>
                  <a:gd name="T10" fmla="*/ 0 w 48"/>
                  <a:gd name="T11" fmla="*/ 99 h 125"/>
                  <a:gd name="T12" fmla="*/ 4 w 48"/>
                  <a:gd name="T13" fmla="*/ 124 h 125"/>
                  <a:gd name="T14" fmla="*/ 9 w 48"/>
                  <a:gd name="T15" fmla="*/ 124 h 125"/>
                  <a:gd name="T16" fmla="*/ 4 w 48"/>
                  <a:gd name="T17" fmla="*/ 99 h 125"/>
                  <a:gd name="T18" fmla="*/ 4 w 48"/>
                  <a:gd name="T19" fmla="*/ 78 h 125"/>
                  <a:gd name="T20" fmla="*/ 14 w 48"/>
                  <a:gd name="T21" fmla="*/ 56 h 125"/>
                  <a:gd name="T22" fmla="*/ 28 w 48"/>
                  <a:gd name="T23" fmla="*/ 33 h 125"/>
                  <a:gd name="T24" fmla="*/ 47 w 48"/>
                  <a:gd name="T25" fmla="*/ 5 h 125"/>
                  <a:gd name="T26" fmla="*/ 37 w 48"/>
                  <a:gd name="T27" fmla="*/ 0 h 1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8" h="125">
                    <a:moveTo>
                      <a:pt x="37" y="0"/>
                    </a:moveTo>
                    <a:lnTo>
                      <a:pt x="34" y="2"/>
                    </a:lnTo>
                    <a:lnTo>
                      <a:pt x="18" y="24"/>
                    </a:lnTo>
                    <a:lnTo>
                      <a:pt x="9" y="45"/>
                    </a:lnTo>
                    <a:lnTo>
                      <a:pt x="0" y="71"/>
                    </a:lnTo>
                    <a:lnTo>
                      <a:pt x="0" y="99"/>
                    </a:lnTo>
                    <a:lnTo>
                      <a:pt x="4" y="124"/>
                    </a:lnTo>
                    <a:lnTo>
                      <a:pt x="9" y="124"/>
                    </a:lnTo>
                    <a:lnTo>
                      <a:pt x="4" y="99"/>
                    </a:lnTo>
                    <a:lnTo>
                      <a:pt x="4" y="78"/>
                    </a:lnTo>
                    <a:lnTo>
                      <a:pt x="14" y="56"/>
                    </a:lnTo>
                    <a:lnTo>
                      <a:pt x="28" y="33"/>
                    </a:lnTo>
                    <a:lnTo>
                      <a:pt x="47" y="5"/>
                    </a:lnTo>
                    <a:lnTo>
                      <a:pt x="37"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4" name="Freeform 49"/>
              <p:cNvSpPr>
                <a:spLocks/>
              </p:cNvSpPr>
              <p:nvPr/>
            </p:nvSpPr>
            <p:spPr bwMode="ltGray">
              <a:xfrm>
                <a:off x="1483" y="3976"/>
                <a:ext cx="62" cy="121"/>
              </a:xfrm>
              <a:custGeom>
                <a:avLst/>
                <a:gdLst>
                  <a:gd name="T0" fmla="*/ 12 w 62"/>
                  <a:gd name="T1" fmla="*/ 0 h 121"/>
                  <a:gd name="T2" fmla="*/ 24 w 62"/>
                  <a:gd name="T3" fmla="*/ 8 h 121"/>
                  <a:gd name="T4" fmla="*/ 36 w 62"/>
                  <a:gd name="T5" fmla="*/ 23 h 121"/>
                  <a:gd name="T6" fmla="*/ 48 w 62"/>
                  <a:gd name="T7" fmla="*/ 43 h 121"/>
                  <a:gd name="T8" fmla="*/ 61 w 62"/>
                  <a:gd name="T9" fmla="*/ 69 h 121"/>
                  <a:gd name="T10" fmla="*/ 61 w 62"/>
                  <a:gd name="T11" fmla="*/ 96 h 121"/>
                  <a:gd name="T12" fmla="*/ 55 w 62"/>
                  <a:gd name="T13" fmla="*/ 120 h 121"/>
                  <a:gd name="T14" fmla="*/ 48 w 62"/>
                  <a:gd name="T15" fmla="*/ 120 h 121"/>
                  <a:gd name="T16" fmla="*/ 55 w 62"/>
                  <a:gd name="T17" fmla="*/ 96 h 121"/>
                  <a:gd name="T18" fmla="*/ 55 w 62"/>
                  <a:gd name="T19" fmla="*/ 76 h 121"/>
                  <a:gd name="T20" fmla="*/ 43 w 62"/>
                  <a:gd name="T21" fmla="*/ 54 h 121"/>
                  <a:gd name="T22" fmla="*/ 24 w 62"/>
                  <a:gd name="T23" fmla="*/ 32 h 121"/>
                  <a:gd name="T24" fmla="*/ 0 w 62"/>
                  <a:gd name="T25" fmla="*/ 5 h 121"/>
                  <a:gd name="T26" fmla="*/ 12 w 62"/>
                  <a:gd name="T27" fmla="*/ 0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62" h="121">
                    <a:moveTo>
                      <a:pt x="12" y="0"/>
                    </a:moveTo>
                    <a:lnTo>
                      <a:pt x="24" y="8"/>
                    </a:lnTo>
                    <a:lnTo>
                      <a:pt x="36" y="23"/>
                    </a:lnTo>
                    <a:lnTo>
                      <a:pt x="48" y="43"/>
                    </a:lnTo>
                    <a:lnTo>
                      <a:pt x="61" y="69"/>
                    </a:lnTo>
                    <a:lnTo>
                      <a:pt x="61" y="96"/>
                    </a:lnTo>
                    <a:lnTo>
                      <a:pt x="55" y="120"/>
                    </a:lnTo>
                    <a:lnTo>
                      <a:pt x="48" y="120"/>
                    </a:lnTo>
                    <a:lnTo>
                      <a:pt x="55" y="96"/>
                    </a:lnTo>
                    <a:lnTo>
                      <a:pt x="55" y="76"/>
                    </a:lnTo>
                    <a:lnTo>
                      <a:pt x="43" y="54"/>
                    </a:lnTo>
                    <a:lnTo>
                      <a:pt x="24" y="32"/>
                    </a:lnTo>
                    <a:lnTo>
                      <a:pt x="0" y="5"/>
                    </a:lnTo>
                    <a:lnTo>
                      <a:pt x="12"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5" name="Freeform 50"/>
              <p:cNvSpPr>
                <a:spLocks/>
              </p:cNvSpPr>
              <p:nvPr/>
            </p:nvSpPr>
            <p:spPr bwMode="ltGray">
              <a:xfrm>
                <a:off x="1181" y="3908"/>
                <a:ext cx="104" cy="121"/>
              </a:xfrm>
              <a:custGeom>
                <a:avLst/>
                <a:gdLst>
                  <a:gd name="T0" fmla="*/ 100 w 104"/>
                  <a:gd name="T1" fmla="*/ 19 h 121"/>
                  <a:gd name="T2" fmla="*/ 79 w 104"/>
                  <a:gd name="T3" fmla="*/ 0 h 121"/>
                  <a:gd name="T4" fmla="*/ 65 w 104"/>
                  <a:gd name="T5" fmla="*/ 0 h 121"/>
                  <a:gd name="T6" fmla="*/ 53 w 104"/>
                  <a:gd name="T7" fmla="*/ 1 h 121"/>
                  <a:gd name="T8" fmla="*/ 44 w 104"/>
                  <a:gd name="T9" fmla="*/ 6 h 121"/>
                  <a:gd name="T10" fmla="*/ 20 w 104"/>
                  <a:gd name="T11" fmla="*/ 21 h 121"/>
                  <a:gd name="T12" fmla="*/ 12 w 104"/>
                  <a:gd name="T13" fmla="*/ 28 h 121"/>
                  <a:gd name="T14" fmla="*/ 7 w 104"/>
                  <a:gd name="T15" fmla="*/ 35 h 121"/>
                  <a:gd name="T16" fmla="*/ 1 w 104"/>
                  <a:gd name="T17" fmla="*/ 56 h 121"/>
                  <a:gd name="T18" fmla="*/ 0 w 104"/>
                  <a:gd name="T19" fmla="*/ 62 h 121"/>
                  <a:gd name="T20" fmla="*/ 1 w 104"/>
                  <a:gd name="T21" fmla="*/ 70 h 121"/>
                  <a:gd name="T22" fmla="*/ 5 w 104"/>
                  <a:gd name="T23" fmla="*/ 79 h 121"/>
                  <a:gd name="T24" fmla="*/ 15 w 104"/>
                  <a:gd name="T25" fmla="*/ 91 h 121"/>
                  <a:gd name="T26" fmla="*/ 23 w 104"/>
                  <a:gd name="T27" fmla="*/ 100 h 121"/>
                  <a:gd name="T28" fmla="*/ 34 w 104"/>
                  <a:gd name="T29" fmla="*/ 109 h 121"/>
                  <a:gd name="T30" fmla="*/ 58 w 104"/>
                  <a:gd name="T31" fmla="*/ 120 h 121"/>
                  <a:gd name="T32" fmla="*/ 45 w 104"/>
                  <a:gd name="T33" fmla="*/ 106 h 121"/>
                  <a:gd name="T34" fmla="*/ 36 w 104"/>
                  <a:gd name="T35" fmla="*/ 93 h 121"/>
                  <a:gd name="T36" fmla="*/ 31 w 104"/>
                  <a:gd name="T37" fmla="*/ 81 h 121"/>
                  <a:gd name="T38" fmla="*/ 32 w 104"/>
                  <a:gd name="T39" fmla="*/ 70 h 121"/>
                  <a:gd name="T40" fmla="*/ 34 w 104"/>
                  <a:gd name="T41" fmla="*/ 62 h 121"/>
                  <a:gd name="T42" fmla="*/ 31 w 104"/>
                  <a:gd name="T43" fmla="*/ 52 h 121"/>
                  <a:gd name="T44" fmla="*/ 28 w 104"/>
                  <a:gd name="T45" fmla="*/ 44 h 121"/>
                  <a:gd name="T46" fmla="*/ 37 w 104"/>
                  <a:gd name="T47" fmla="*/ 28 h 121"/>
                  <a:gd name="T48" fmla="*/ 39 w 104"/>
                  <a:gd name="T49" fmla="*/ 20 h 121"/>
                  <a:gd name="T50" fmla="*/ 48 w 104"/>
                  <a:gd name="T51" fmla="*/ 13 h 121"/>
                  <a:gd name="T52" fmla="*/ 65 w 104"/>
                  <a:gd name="T53" fmla="*/ 5 h 121"/>
                  <a:gd name="T54" fmla="*/ 73 w 104"/>
                  <a:gd name="T55" fmla="*/ 11 h 121"/>
                  <a:gd name="T56" fmla="*/ 103 w 104"/>
                  <a:gd name="T57" fmla="*/ 22 h 121"/>
                  <a:gd name="T58" fmla="*/ 100 w 104"/>
                  <a:gd name="T59" fmla="*/ 19 h 1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04" h="121">
                    <a:moveTo>
                      <a:pt x="100" y="19"/>
                    </a:moveTo>
                    <a:lnTo>
                      <a:pt x="79" y="0"/>
                    </a:lnTo>
                    <a:lnTo>
                      <a:pt x="65" y="0"/>
                    </a:lnTo>
                    <a:lnTo>
                      <a:pt x="53" y="1"/>
                    </a:lnTo>
                    <a:lnTo>
                      <a:pt x="44" y="6"/>
                    </a:lnTo>
                    <a:lnTo>
                      <a:pt x="20" y="21"/>
                    </a:lnTo>
                    <a:lnTo>
                      <a:pt x="12" y="28"/>
                    </a:lnTo>
                    <a:lnTo>
                      <a:pt x="7" y="35"/>
                    </a:lnTo>
                    <a:lnTo>
                      <a:pt x="1" y="56"/>
                    </a:lnTo>
                    <a:lnTo>
                      <a:pt x="0" y="62"/>
                    </a:lnTo>
                    <a:lnTo>
                      <a:pt x="1" y="70"/>
                    </a:lnTo>
                    <a:lnTo>
                      <a:pt x="5" y="79"/>
                    </a:lnTo>
                    <a:lnTo>
                      <a:pt x="15" y="91"/>
                    </a:lnTo>
                    <a:lnTo>
                      <a:pt x="23" y="100"/>
                    </a:lnTo>
                    <a:lnTo>
                      <a:pt x="34" y="109"/>
                    </a:lnTo>
                    <a:lnTo>
                      <a:pt x="58" y="120"/>
                    </a:lnTo>
                    <a:lnTo>
                      <a:pt x="45" y="106"/>
                    </a:lnTo>
                    <a:lnTo>
                      <a:pt x="36" y="93"/>
                    </a:lnTo>
                    <a:lnTo>
                      <a:pt x="31" y="81"/>
                    </a:lnTo>
                    <a:lnTo>
                      <a:pt x="32" y="70"/>
                    </a:lnTo>
                    <a:lnTo>
                      <a:pt x="34" y="62"/>
                    </a:lnTo>
                    <a:lnTo>
                      <a:pt x="31" y="52"/>
                    </a:lnTo>
                    <a:lnTo>
                      <a:pt x="28" y="44"/>
                    </a:lnTo>
                    <a:lnTo>
                      <a:pt x="37" y="28"/>
                    </a:lnTo>
                    <a:lnTo>
                      <a:pt x="39" y="20"/>
                    </a:lnTo>
                    <a:lnTo>
                      <a:pt x="48" y="13"/>
                    </a:lnTo>
                    <a:lnTo>
                      <a:pt x="65" y="5"/>
                    </a:lnTo>
                    <a:lnTo>
                      <a:pt x="73" y="11"/>
                    </a:lnTo>
                    <a:lnTo>
                      <a:pt x="103" y="22"/>
                    </a:lnTo>
                    <a:lnTo>
                      <a:pt x="100" y="19"/>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6" name="Freeform 51"/>
              <p:cNvSpPr>
                <a:spLocks/>
              </p:cNvSpPr>
              <p:nvPr/>
            </p:nvSpPr>
            <p:spPr bwMode="ltGray">
              <a:xfrm>
                <a:off x="596" y="3919"/>
                <a:ext cx="196" cy="161"/>
              </a:xfrm>
              <a:custGeom>
                <a:avLst/>
                <a:gdLst>
                  <a:gd name="T0" fmla="*/ 89 w 196"/>
                  <a:gd name="T1" fmla="*/ 4 h 161"/>
                  <a:gd name="T2" fmla="*/ 13 w 196"/>
                  <a:gd name="T3" fmla="*/ 7 h 161"/>
                  <a:gd name="T4" fmla="*/ 83 w 196"/>
                  <a:gd name="T5" fmla="*/ 7 h 161"/>
                  <a:gd name="T6" fmla="*/ 72 w 196"/>
                  <a:gd name="T7" fmla="*/ 13 h 161"/>
                  <a:gd name="T8" fmla="*/ 72 w 196"/>
                  <a:gd name="T9" fmla="*/ 16 h 161"/>
                  <a:gd name="T10" fmla="*/ 38 w 196"/>
                  <a:gd name="T11" fmla="*/ 24 h 161"/>
                  <a:gd name="T12" fmla="*/ 63 w 196"/>
                  <a:gd name="T13" fmla="*/ 21 h 161"/>
                  <a:gd name="T14" fmla="*/ 63 w 196"/>
                  <a:gd name="T15" fmla="*/ 25 h 161"/>
                  <a:gd name="T16" fmla="*/ 70 w 196"/>
                  <a:gd name="T17" fmla="*/ 27 h 161"/>
                  <a:gd name="T18" fmla="*/ 8 w 196"/>
                  <a:gd name="T19" fmla="*/ 43 h 161"/>
                  <a:gd name="T20" fmla="*/ 66 w 196"/>
                  <a:gd name="T21" fmla="*/ 35 h 161"/>
                  <a:gd name="T22" fmla="*/ 52 w 196"/>
                  <a:gd name="T23" fmla="*/ 46 h 161"/>
                  <a:gd name="T24" fmla="*/ 8 w 196"/>
                  <a:gd name="T25" fmla="*/ 53 h 161"/>
                  <a:gd name="T26" fmla="*/ 55 w 196"/>
                  <a:gd name="T27" fmla="*/ 47 h 161"/>
                  <a:gd name="T28" fmla="*/ 18 w 196"/>
                  <a:gd name="T29" fmla="*/ 60 h 161"/>
                  <a:gd name="T30" fmla="*/ 40 w 196"/>
                  <a:gd name="T31" fmla="*/ 54 h 161"/>
                  <a:gd name="T32" fmla="*/ 55 w 196"/>
                  <a:gd name="T33" fmla="*/ 53 h 161"/>
                  <a:gd name="T34" fmla="*/ 55 w 196"/>
                  <a:gd name="T35" fmla="*/ 57 h 161"/>
                  <a:gd name="T36" fmla="*/ 46 w 196"/>
                  <a:gd name="T37" fmla="*/ 65 h 161"/>
                  <a:gd name="T38" fmla="*/ 5 w 196"/>
                  <a:gd name="T39" fmla="*/ 75 h 161"/>
                  <a:gd name="T40" fmla="*/ 52 w 196"/>
                  <a:gd name="T41" fmla="*/ 67 h 161"/>
                  <a:gd name="T42" fmla="*/ 44 w 196"/>
                  <a:gd name="T43" fmla="*/ 78 h 161"/>
                  <a:gd name="T44" fmla="*/ 33 w 196"/>
                  <a:gd name="T45" fmla="*/ 85 h 161"/>
                  <a:gd name="T46" fmla="*/ 38 w 196"/>
                  <a:gd name="T47" fmla="*/ 85 h 161"/>
                  <a:gd name="T48" fmla="*/ 38 w 196"/>
                  <a:gd name="T49" fmla="*/ 89 h 161"/>
                  <a:gd name="T50" fmla="*/ 8 w 196"/>
                  <a:gd name="T51" fmla="*/ 99 h 161"/>
                  <a:gd name="T52" fmla="*/ 33 w 196"/>
                  <a:gd name="T53" fmla="*/ 98 h 161"/>
                  <a:gd name="T54" fmla="*/ 33 w 196"/>
                  <a:gd name="T55" fmla="*/ 99 h 161"/>
                  <a:gd name="T56" fmla="*/ 35 w 196"/>
                  <a:gd name="T57" fmla="*/ 103 h 161"/>
                  <a:gd name="T58" fmla="*/ 29 w 196"/>
                  <a:gd name="T59" fmla="*/ 112 h 161"/>
                  <a:gd name="T60" fmla="*/ 35 w 196"/>
                  <a:gd name="T61" fmla="*/ 116 h 161"/>
                  <a:gd name="T62" fmla="*/ 38 w 196"/>
                  <a:gd name="T63" fmla="*/ 135 h 161"/>
                  <a:gd name="T64" fmla="*/ 44 w 196"/>
                  <a:gd name="T65" fmla="*/ 112 h 161"/>
                  <a:gd name="T66" fmla="*/ 91 w 196"/>
                  <a:gd name="T67" fmla="*/ 160 h 161"/>
                  <a:gd name="T68" fmla="*/ 63 w 196"/>
                  <a:gd name="T69" fmla="*/ 103 h 161"/>
                  <a:gd name="T70" fmla="*/ 63 w 196"/>
                  <a:gd name="T71" fmla="*/ 103 h 161"/>
                  <a:gd name="T72" fmla="*/ 66 w 196"/>
                  <a:gd name="T73" fmla="*/ 98 h 161"/>
                  <a:gd name="T74" fmla="*/ 105 w 196"/>
                  <a:gd name="T75" fmla="*/ 126 h 161"/>
                  <a:gd name="T76" fmla="*/ 80 w 196"/>
                  <a:gd name="T77" fmla="*/ 111 h 161"/>
                  <a:gd name="T78" fmla="*/ 72 w 196"/>
                  <a:gd name="T79" fmla="*/ 85 h 161"/>
                  <a:gd name="T80" fmla="*/ 74 w 196"/>
                  <a:gd name="T81" fmla="*/ 78 h 161"/>
                  <a:gd name="T82" fmla="*/ 89 w 196"/>
                  <a:gd name="T83" fmla="*/ 95 h 161"/>
                  <a:gd name="T84" fmla="*/ 80 w 196"/>
                  <a:gd name="T85" fmla="*/ 70 h 161"/>
                  <a:gd name="T86" fmla="*/ 94 w 196"/>
                  <a:gd name="T87" fmla="*/ 65 h 161"/>
                  <a:gd name="T88" fmla="*/ 105 w 196"/>
                  <a:gd name="T89" fmla="*/ 83 h 161"/>
                  <a:gd name="T90" fmla="*/ 91 w 196"/>
                  <a:gd name="T91" fmla="*/ 53 h 161"/>
                  <a:gd name="T92" fmla="*/ 94 w 196"/>
                  <a:gd name="T93" fmla="*/ 50 h 161"/>
                  <a:gd name="T94" fmla="*/ 97 w 196"/>
                  <a:gd name="T95" fmla="*/ 36 h 161"/>
                  <a:gd name="T96" fmla="*/ 111 w 196"/>
                  <a:gd name="T97" fmla="*/ 37 h 161"/>
                  <a:gd name="T98" fmla="*/ 161 w 196"/>
                  <a:gd name="T99" fmla="*/ 74 h 161"/>
                  <a:gd name="T100" fmla="*/ 124 w 196"/>
                  <a:gd name="T101" fmla="*/ 53 h 161"/>
                  <a:gd name="T102" fmla="*/ 105 w 196"/>
                  <a:gd name="T103" fmla="*/ 24 h 161"/>
                  <a:gd name="T104" fmla="*/ 111 w 196"/>
                  <a:gd name="T105" fmla="*/ 18 h 161"/>
                  <a:gd name="T106" fmla="*/ 135 w 196"/>
                  <a:gd name="T107" fmla="*/ 35 h 161"/>
                  <a:gd name="T108" fmla="*/ 130 w 196"/>
                  <a:gd name="T109" fmla="*/ 33 h 161"/>
                  <a:gd name="T110" fmla="*/ 119 w 196"/>
                  <a:gd name="T111" fmla="*/ 10 h 161"/>
                  <a:gd name="T112" fmla="*/ 150 w 196"/>
                  <a:gd name="T113" fmla="*/ 33 h 161"/>
                  <a:gd name="T114" fmla="*/ 130 w 196"/>
                  <a:gd name="T115" fmla="*/ 22 h 161"/>
                  <a:gd name="T116" fmla="*/ 114 w 196"/>
                  <a:gd name="T117" fmla="*/ 1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96" h="161">
                    <a:moveTo>
                      <a:pt x="110" y="2"/>
                    </a:moveTo>
                    <a:lnTo>
                      <a:pt x="97" y="0"/>
                    </a:lnTo>
                    <a:lnTo>
                      <a:pt x="89" y="4"/>
                    </a:lnTo>
                    <a:lnTo>
                      <a:pt x="80" y="5"/>
                    </a:lnTo>
                    <a:lnTo>
                      <a:pt x="61" y="7"/>
                    </a:lnTo>
                    <a:lnTo>
                      <a:pt x="13" y="7"/>
                    </a:lnTo>
                    <a:lnTo>
                      <a:pt x="61" y="8"/>
                    </a:lnTo>
                    <a:lnTo>
                      <a:pt x="74" y="5"/>
                    </a:lnTo>
                    <a:lnTo>
                      <a:pt x="83" y="7"/>
                    </a:lnTo>
                    <a:lnTo>
                      <a:pt x="72" y="9"/>
                    </a:lnTo>
                    <a:lnTo>
                      <a:pt x="80" y="9"/>
                    </a:lnTo>
                    <a:lnTo>
                      <a:pt x="72" y="13"/>
                    </a:lnTo>
                    <a:lnTo>
                      <a:pt x="10" y="37"/>
                    </a:lnTo>
                    <a:lnTo>
                      <a:pt x="74" y="13"/>
                    </a:lnTo>
                    <a:lnTo>
                      <a:pt x="72" y="16"/>
                    </a:lnTo>
                    <a:lnTo>
                      <a:pt x="63" y="21"/>
                    </a:lnTo>
                    <a:lnTo>
                      <a:pt x="55" y="22"/>
                    </a:lnTo>
                    <a:lnTo>
                      <a:pt x="38" y="24"/>
                    </a:lnTo>
                    <a:lnTo>
                      <a:pt x="10" y="21"/>
                    </a:lnTo>
                    <a:lnTo>
                      <a:pt x="55" y="24"/>
                    </a:lnTo>
                    <a:lnTo>
                      <a:pt x="63" y="21"/>
                    </a:lnTo>
                    <a:lnTo>
                      <a:pt x="72" y="19"/>
                    </a:lnTo>
                    <a:lnTo>
                      <a:pt x="70" y="24"/>
                    </a:lnTo>
                    <a:lnTo>
                      <a:pt x="63" y="25"/>
                    </a:lnTo>
                    <a:lnTo>
                      <a:pt x="8" y="39"/>
                    </a:lnTo>
                    <a:lnTo>
                      <a:pt x="63" y="27"/>
                    </a:lnTo>
                    <a:lnTo>
                      <a:pt x="70" y="27"/>
                    </a:lnTo>
                    <a:lnTo>
                      <a:pt x="63" y="30"/>
                    </a:lnTo>
                    <a:lnTo>
                      <a:pt x="55" y="35"/>
                    </a:lnTo>
                    <a:lnTo>
                      <a:pt x="8" y="43"/>
                    </a:lnTo>
                    <a:lnTo>
                      <a:pt x="61" y="33"/>
                    </a:lnTo>
                    <a:lnTo>
                      <a:pt x="63" y="33"/>
                    </a:lnTo>
                    <a:lnTo>
                      <a:pt x="66" y="35"/>
                    </a:lnTo>
                    <a:lnTo>
                      <a:pt x="55" y="40"/>
                    </a:lnTo>
                    <a:lnTo>
                      <a:pt x="66" y="39"/>
                    </a:lnTo>
                    <a:lnTo>
                      <a:pt x="52" y="46"/>
                    </a:lnTo>
                    <a:lnTo>
                      <a:pt x="40" y="50"/>
                    </a:lnTo>
                    <a:lnTo>
                      <a:pt x="18" y="53"/>
                    </a:lnTo>
                    <a:lnTo>
                      <a:pt x="8" y="53"/>
                    </a:lnTo>
                    <a:lnTo>
                      <a:pt x="27" y="51"/>
                    </a:lnTo>
                    <a:lnTo>
                      <a:pt x="49" y="48"/>
                    </a:lnTo>
                    <a:lnTo>
                      <a:pt x="55" y="47"/>
                    </a:lnTo>
                    <a:lnTo>
                      <a:pt x="49" y="51"/>
                    </a:lnTo>
                    <a:lnTo>
                      <a:pt x="38" y="57"/>
                    </a:lnTo>
                    <a:lnTo>
                      <a:pt x="18" y="60"/>
                    </a:lnTo>
                    <a:lnTo>
                      <a:pt x="0" y="62"/>
                    </a:lnTo>
                    <a:lnTo>
                      <a:pt x="24" y="59"/>
                    </a:lnTo>
                    <a:lnTo>
                      <a:pt x="40" y="54"/>
                    </a:lnTo>
                    <a:lnTo>
                      <a:pt x="55" y="50"/>
                    </a:lnTo>
                    <a:lnTo>
                      <a:pt x="57" y="48"/>
                    </a:lnTo>
                    <a:lnTo>
                      <a:pt x="55" y="53"/>
                    </a:lnTo>
                    <a:lnTo>
                      <a:pt x="61" y="51"/>
                    </a:lnTo>
                    <a:lnTo>
                      <a:pt x="66" y="53"/>
                    </a:lnTo>
                    <a:lnTo>
                      <a:pt x="55" y="57"/>
                    </a:lnTo>
                    <a:lnTo>
                      <a:pt x="55" y="60"/>
                    </a:lnTo>
                    <a:lnTo>
                      <a:pt x="40" y="65"/>
                    </a:lnTo>
                    <a:lnTo>
                      <a:pt x="46" y="65"/>
                    </a:lnTo>
                    <a:lnTo>
                      <a:pt x="40" y="69"/>
                    </a:lnTo>
                    <a:lnTo>
                      <a:pt x="21" y="74"/>
                    </a:lnTo>
                    <a:lnTo>
                      <a:pt x="5" y="75"/>
                    </a:lnTo>
                    <a:lnTo>
                      <a:pt x="29" y="73"/>
                    </a:lnTo>
                    <a:lnTo>
                      <a:pt x="44" y="69"/>
                    </a:lnTo>
                    <a:lnTo>
                      <a:pt x="52" y="67"/>
                    </a:lnTo>
                    <a:lnTo>
                      <a:pt x="52" y="71"/>
                    </a:lnTo>
                    <a:lnTo>
                      <a:pt x="52" y="73"/>
                    </a:lnTo>
                    <a:lnTo>
                      <a:pt x="44" y="78"/>
                    </a:lnTo>
                    <a:lnTo>
                      <a:pt x="35" y="83"/>
                    </a:lnTo>
                    <a:lnTo>
                      <a:pt x="40" y="83"/>
                    </a:lnTo>
                    <a:lnTo>
                      <a:pt x="33" y="85"/>
                    </a:lnTo>
                    <a:lnTo>
                      <a:pt x="5" y="92"/>
                    </a:lnTo>
                    <a:lnTo>
                      <a:pt x="24" y="88"/>
                    </a:lnTo>
                    <a:lnTo>
                      <a:pt x="38" y="85"/>
                    </a:lnTo>
                    <a:lnTo>
                      <a:pt x="38" y="89"/>
                    </a:lnTo>
                    <a:lnTo>
                      <a:pt x="29" y="91"/>
                    </a:lnTo>
                    <a:lnTo>
                      <a:pt x="38" y="89"/>
                    </a:lnTo>
                    <a:lnTo>
                      <a:pt x="38" y="92"/>
                    </a:lnTo>
                    <a:lnTo>
                      <a:pt x="33" y="95"/>
                    </a:lnTo>
                    <a:lnTo>
                      <a:pt x="8" y="99"/>
                    </a:lnTo>
                    <a:lnTo>
                      <a:pt x="29" y="95"/>
                    </a:lnTo>
                    <a:lnTo>
                      <a:pt x="29" y="97"/>
                    </a:lnTo>
                    <a:lnTo>
                      <a:pt x="33" y="98"/>
                    </a:lnTo>
                    <a:lnTo>
                      <a:pt x="8" y="108"/>
                    </a:lnTo>
                    <a:lnTo>
                      <a:pt x="27" y="100"/>
                    </a:lnTo>
                    <a:lnTo>
                      <a:pt x="33" y="99"/>
                    </a:lnTo>
                    <a:lnTo>
                      <a:pt x="35" y="103"/>
                    </a:lnTo>
                    <a:lnTo>
                      <a:pt x="29" y="105"/>
                    </a:lnTo>
                    <a:lnTo>
                      <a:pt x="35" y="103"/>
                    </a:lnTo>
                    <a:lnTo>
                      <a:pt x="29" y="112"/>
                    </a:lnTo>
                    <a:lnTo>
                      <a:pt x="5" y="122"/>
                    </a:lnTo>
                    <a:lnTo>
                      <a:pt x="29" y="112"/>
                    </a:lnTo>
                    <a:lnTo>
                      <a:pt x="27" y="116"/>
                    </a:lnTo>
                    <a:lnTo>
                      <a:pt x="35" y="112"/>
                    </a:lnTo>
                    <a:lnTo>
                      <a:pt x="35" y="116"/>
                    </a:lnTo>
                    <a:lnTo>
                      <a:pt x="38" y="135"/>
                    </a:lnTo>
                    <a:lnTo>
                      <a:pt x="63" y="160"/>
                    </a:lnTo>
                    <a:lnTo>
                      <a:pt x="38" y="135"/>
                    </a:lnTo>
                    <a:lnTo>
                      <a:pt x="38" y="124"/>
                    </a:lnTo>
                    <a:lnTo>
                      <a:pt x="40" y="117"/>
                    </a:lnTo>
                    <a:lnTo>
                      <a:pt x="44" y="112"/>
                    </a:lnTo>
                    <a:lnTo>
                      <a:pt x="49" y="103"/>
                    </a:lnTo>
                    <a:lnTo>
                      <a:pt x="55" y="106"/>
                    </a:lnTo>
                    <a:lnTo>
                      <a:pt x="91" y="160"/>
                    </a:lnTo>
                    <a:lnTo>
                      <a:pt x="57" y="106"/>
                    </a:lnTo>
                    <a:lnTo>
                      <a:pt x="57" y="100"/>
                    </a:lnTo>
                    <a:lnTo>
                      <a:pt x="63" y="103"/>
                    </a:lnTo>
                    <a:lnTo>
                      <a:pt x="70" y="155"/>
                    </a:lnTo>
                    <a:lnTo>
                      <a:pt x="66" y="111"/>
                    </a:lnTo>
                    <a:lnTo>
                      <a:pt x="63" y="103"/>
                    </a:lnTo>
                    <a:lnTo>
                      <a:pt x="61" y="99"/>
                    </a:lnTo>
                    <a:lnTo>
                      <a:pt x="63" y="92"/>
                    </a:lnTo>
                    <a:lnTo>
                      <a:pt x="66" y="98"/>
                    </a:lnTo>
                    <a:lnTo>
                      <a:pt x="74" y="109"/>
                    </a:lnTo>
                    <a:lnTo>
                      <a:pt x="83" y="116"/>
                    </a:lnTo>
                    <a:lnTo>
                      <a:pt x="105" y="126"/>
                    </a:lnTo>
                    <a:lnTo>
                      <a:pt x="153" y="144"/>
                    </a:lnTo>
                    <a:lnTo>
                      <a:pt x="91" y="117"/>
                    </a:lnTo>
                    <a:lnTo>
                      <a:pt x="80" y="111"/>
                    </a:lnTo>
                    <a:lnTo>
                      <a:pt x="74" y="106"/>
                    </a:lnTo>
                    <a:lnTo>
                      <a:pt x="70" y="100"/>
                    </a:lnTo>
                    <a:lnTo>
                      <a:pt x="72" y="85"/>
                    </a:lnTo>
                    <a:lnTo>
                      <a:pt x="74" y="89"/>
                    </a:lnTo>
                    <a:lnTo>
                      <a:pt x="74" y="81"/>
                    </a:lnTo>
                    <a:lnTo>
                      <a:pt x="74" y="78"/>
                    </a:lnTo>
                    <a:lnTo>
                      <a:pt x="80" y="85"/>
                    </a:lnTo>
                    <a:lnTo>
                      <a:pt x="133" y="137"/>
                    </a:lnTo>
                    <a:lnTo>
                      <a:pt x="89" y="95"/>
                    </a:lnTo>
                    <a:lnTo>
                      <a:pt x="83" y="91"/>
                    </a:lnTo>
                    <a:lnTo>
                      <a:pt x="80" y="85"/>
                    </a:lnTo>
                    <a:lnTo>
                      <a:pt x="80" y="70"/>
                    </a:lnTo>
                    <a:lnTo>
                      <a:pt x="83" y="71"/>
                    </a:lnTo>
                    <a:lnTo>
                      <a:pt x="86" y="62"/>
                    </a:lnTo>
                    <a:lnTo>
                      <a:pt x="94" y="65"/>
                    </a:lnTo>
                    <a:lnTo>
                      <a:pt x="135" y="123"/>
                    </a:lnTo>
                    <a:lnTo>
                      <a:pt x="113" y="95"/>
                    </a:lnTo>
                    <a:lnTo>
                      <a:pt x="105" y="83"/>
                    </a:lnTo>
                    <a:lnTo>
                      <a:pt x="94" y="71"/>
                    </a:lnTo>
                    <a:lnTo>
                      <a:pt x="94" y="65"/>
                    </a:lnTo>
                    <a:lnTo>
                      <a:pt x="91" y="53"/>
                    </a:lnTo>
                    <a:lnTo>
                      <a:pt x="97" y="54"/>
                    </a:lnTo>
                    <a:lnTo>
                      <a:pt x="119" y="112"/>
                    </a:lnTo>
                    <a:lnTo>
                      <a:pt x="94" y="50"/>
                    </a:lnTo>
                    <a:lnTo>
                      <a:pt x="94" y="45"/>
                    </a:lnTo>
                    <a:lnTo>
                      <a:pt x="97" y="48"/>
                    </a:lnTo>
                    <a:lnTo>
                      <a:pt x="97" y="36"/>
                    </a:lnTo>
                    <a:lnTo>
                      <a:pt x="102" y="40"/>
                    </a:lnTo>
                    <a:lnTo>
                      <a:pt x="102" y="33"/>
                    </a:lnTo>
                    <a:lnTo>
                      <a:pt x="111" y="37"/>
                    </a:lnTo>
                    <a:lnTo>
                      <a:pt x="122" y="51"/>
                    </a:lnTo>
                    <a:lnTo>
                      <a:pt x="135" y="60"/>
                    </a:lnTo>
                    <a:lnTo>
                      <a:pt x="161" y="74"/>
                    </a:lnTo>
                    <a:lnTo>
                      <a:pt x="175" y="86"/>
                    </a:lnTo>
                    <a:lnTo>
                      <a:pt x="135" y="60"/>
                    </a:lnTo>
                    <a:lnTo>
                      <a:pt x="124" y="53"/>
                    </a:lnTo>
                    <a:lnTo>
                      <a:pt x="113" y="43"/>
                    </a:lnTo>
                    <a:lnTo>
                      <a:pt x="111" y="36"/>
                    </a:lnTo>
                    <a:lnTo>
                      <a:pt x="105" y="24"/>
                    </a:lnTo>
                    <a:lnTo>
                      <a:pt x="108" y="25"/>
                    </a:lnTo>
                    <a:lnTo>
                      <a:pt x="113" y="24"/>
                    </a:lnTo>
                    <a:lnTo>
                      <a:pt x="111" y="18"/>
                    </a:lnTo>
                    <a:lnTo>
                      <a:pt x="116" y="24"/>
                    </a:lnTo>
                    <a:lnTo>
                      <a:pt x="122" y="29"/>
                    </a:lnTo>
                    <a:lnTo>
                      <a:pt x="135" y="35"/>
                    </a:lnTo>
                    <a:lnTo>
                      <a:pt x="156" y="40"/>
                    </a:lnTo>
                    <a:lnTo>
                      <a:pt x="195" y="54"/>
                    </a:lnTo>
                    <a:lnTo>
                      <a:pt x="130" y="33"/>
                    </a:lnTo>
                    <a:lnTo>
                      <a:pt x="122" y="27"/>
                    </a:lnTo>
                    <a:lnTo>
                      <a:pt x="119" y="25"/>
                    </a:lnTo>
                    <a:lnTo>
                      <a:pt x="119" y="10"/>
                    </a:lnTo>
                    <a:lnTo>
                      <a:pt x="124" y="15"/>
                    </a:lnTo>
                    <a:lnTo>
                      <a:pt x="133" y="22"/>
                    </a:lnTo>
                    <a:lnTo>
                      <a:pt x="150" y="33"/>
                    </a:lnTo>
                    <a:lnTo>
                      <a:pt x="172" y="45"/>
                    </a:lnTo>
                    <a:lnTo>
                      <a:pt x="178" y="50"/>
                    </a:lnTo>
                    <a:lnTo>
                      <a:pt x="130" y="22"/>
                    </a:lnTo>
                    <a:lnTo>
                      <a:pt x="124" y="12"/>
                    </a:lnTo>
                    <a:lnTo>
                      <a:pt x="127" y="5"/>
                    </a:lnTo>
                    <a:lnTo>
                      <a:pt x="114" y="1"/>
                    </a:lnTo>
                    <a:lnTo>
                      <a:pt x="110" y="2"/>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7" name="Freeform 52"/>
              <p:cNvSpPr>
                <a:spLocks/>
              </p:cNvSpPr>
              <p:nvPr/>
            </p:nvSpPr>
            <p:spPr bwMode="ltGray">
              <a:xfrm>
                <a:off x="921" y="3984"/>
                <a:ext cx="148" cy="160"/>
              </a:xfrm>
              <a:custGeom>
                <a:avLst/>
                <a:gdLst>
                  <a:gd name="T0" fmla="*/ 34 w 148"/>
                  <a:gd name="T1" fmla="*/ 159 h 160"/>
                  <a:gd name="T2" fmla="*/ 5 w 148"/>
                  <a:gd name="T3" fmla="*/ 91 h 160"/>
                  <a:gd name="T4" fmla="*/ 2 w 148"/>
                  <a:gd name="T5" fmla="*/ 88 h 160"/>
                  <a:gd name="T6" fmla="*/ 0 w 148"/>
                  <a:gd name="T7" fmla="*/ 82 h 160"/>
                  <a:gd name="T8" fmla="*/ 0 w 148"/>
                  <a:gd name="T9" fmla="*/ 76 h 160"/>
                  <a:gd name="T10" fmla="*/ 0 w 148"/>
                  <a:gd name="T11" fmla="*/ 71 h 160"/>
                  <a:gd name="T12" fmla="*/ 0 w 148"/>
                  <a:gd name="T13" fmla="*/ 64 h 160"/>
                  <a:gd name="T14" fmla="*/ 4 w 148"/>
                  <a:gd name="T15" fmla="*/ 54 h 160"/>
                  <a:gd name="T16" fmla="*/ 20 w 148"/>
                  <a:gd name="T17" fmla="*/ 17 h 160"/>
                  <a:gd name="T18" fmla="*/ 24 w 148"/>
                  <a:gd name="T19" fmla="*/ 14 h 160"/>
                  <a:gd name="T20" fmla="*/ 31 w 148"/>
                  <a:gd name="T21" fmla="*/ 8 h 160"/>
                  <a:gd name="T22" fmla="*/ 39 w 148"/>
                  <a:gd name="T23" fmla="*/ 3 h 160"/>
                  <a:gd name="T24" fmla="*/ 51 w 148"/>
                  <a:gd name="T25" fmla="*/ 0 h 160"/>
                  <a:gd name="T26" fmla="*/ 61 w 148"/>
                  <a:gd name="T27" fmla="*/ 0 h 160"/>
                  <a:gd name="T28" fmla="*/ 69 w 148"/>
                  <a:gd name="T29" fmla="*/ 2 h 160"/>
                  <a:gd name="T30" fmla="*/ 79 w 148"/>
                  <a:gd name="T31" fmla="*/ 5 h 160"/>
                  <a:gd name="T32" fmla="*/ 92 w 148"/>
                  <a:gd name="T33" fmla="*/ 11 h 160"/>
                  <a:gd name="T34" fmla="*/ 106 w 148"/>
                  <a:gd name="T35" fmla="*/ 19 h 160"/>
                  <a:gd name="T36" fmla="*/ 114 w 148"/>
                  <a:gd name="T37" fmla="*/ 24 h 160"/>
                  <a:gd name="T38" fmla="*/ 120 w 148"/>
                  <a:gd name="T39" fmla="*/ 31 h 160"/>
                  <a:gd name="T40" fmla="*/ 123 w 148"/>
                  <a:gd name="T41" fmla="*/ 35 h 160"/>
                  <a:gd name="T42" fmla="*/ 136 w 148"/>
                  <a:gd name="T43" fmla="*/ 55 h 160"/>
                  <a:gd name="T44" fmla="*/ 136 w 148"/>
                  <a:gd name="T45" fmla="*/ 57 h 160"/>
                  <a:gd name="T46" fmla="*/ 139 w 148"/>
                  <a:gd name="T47" fmla="*/ 65 h 160"/>
                  <a:gd name="T48" fmla="*/ 141 w 148"/>
                  <a:gd name="T49" fmla="*/ 71 h 160"/>
                  <a:gd name="T50" fmla="*/ 147 w 148"/>
                  <a:gd name="T51" fmla="*/ 101 h 160"/>
                  <a:gd name="T52" fmla="*/ 138 w 148"/>
                  <a:gd name="T53" fmla="*/ 83 h 160"/>
                  <a:gd name="T54" fmla="*/ 131 w 148"/>
                  <a:gd name="T55" fmla="*/ 70 h 160"/>
                  <a:gd name="T56" fmla="*/ 123 w 148"/>
                  <a:gd name="T57" fmla="*/ 57 h 160"/>
                  <a:gd name="T58" fmla="*/ 113 w 148"/>
                  <a:gd name="T59" fmla="*/ 43 h 160"/>
                  <a:gd name="T60" fmla="*/ 78 w 148"/>
                  <a:gd name="T61" fmla="*/ 12 h 160"/>
                  <a:gd name="T62" fmla="*/ 69 w 148"/>
                  <a:gd name="T63" fmla="*/ 8 h 160"/>
                  <a:gd name="T64" fmla="*/ 61 w 148"/>
                  <a:gd name="T65" fmla="*/ 6 h 160"/>
                  <a:gd name="T66" fmla="*/ 54 w 148"/>
                  <a:gd name="T67" fmla="*/ 6 h 160"/>
                  <a:gd name="T68" fmla="*/ 48 w 148"/>
                  <a:gd name="T69" fmla="*/ 10 h 160"/>
                  <a:gd name="T70" fmla="*/ 38 w 148"/>
                  <a:gd name="T71" fmla="*/ 21 h 160"/>
                  <a:gd name="T72" fmla="*/ 28 w 148"/>
                  <a:gd name="T73" fmla="*/ 57 h 160"/>
                  <a:gd name="T74" fmla="*/ 18 w 148"/>
                  <a:gd name="T75" fmla="*/ 82 h 160"/>
                  <a:gd name="T76" fmla="*/ 17 w 148"/>
                  <a:gd name="T77" fmla="*/ 88 h 160"/>
                  <a:gd name="T78" fmla="*/ 18 w 148"/>
                  <a:gd name="T79" fmla="*/ 94 h 160"/>
                  <a:gd name="T80" fmla="*/ 19 w 148"/>
                  <a:gd name="T81" fmla="*/ 100 h 160"/>
                  <a:gd name="T82" fmla="*/ 27 w 148"/>
                  <a:gd name="T83" fmla="*/ 112 h 160"/>
                  <a:gd name="T84" fmla="*/ 22 w 148"/>
                  <a:gd name="T85" fmla="*/ 101 h 160"/>
                  <a:gd name="T86" fmla="*/ 32 w 148"/>
                  <a:gd name="T87" fmla="*/ 125 h 160"/>
                  <a:gd name="T88" fmla="*/ 38 w 148"/>
                  <a:gd name="T89" fmla="*/ 137 h 160"/>
                  <a:gd name="T90" fmla="*/ 39 w 148"/>
                  <a:gd name="T91" fmla="*/ 147 h 160"/>
                  <a:gd name="T92" fmla="*/ 35 w 148"/>
                  <a:gd name="T93" fmla="*/ 156 h 160"/>
                  <a:gd name="T94" fmla="*/ 34 w 148"/>
                  <a:gd name="T95" fmla="*/ 159 h 1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148" h="160">
                    <a:moveTo>
                      <a:pt x="34" y="159"/>
                    </a:moveTo>
                    <a:lnTo>
                      <a:pt x="5" y="91"/>
                    </a:lnTo>
                    <a:lnTo>
                      <a:pt x="2" y="88"/>
                    </a:lnTo>
                    <a:lnTo>
                      <a:pt x="0" y="82"/>
                    </a:lnTo>
                    <a:lnTo>
                      <a:pt x="0" y="76"/>
                    </a:lnTo>
                    <a:lnTo>
                      <a:pt x="0" y="71"/>
                    </a:lnTo>
                    <a:lnTo>
                      <a:pt x="0" y="64"/>
                    </a:lnTo>
                    <a:lnTo>
                      <a:pt x="4" y="54"/>
                    </a:lnTo>
                    <a:lnTo>
                      <a:pt x="20" y="17"/>
                    </a:lnTo>
                    <a:lnTo>
                      <a:pt x="24" y="14"/>
                    </a:lnTo>
                    <a:lnTo>
                      <a:pt x="31" y="8"/>
                    </a:lnTo>
                    <a:lnTo>
                      <a:pt x="39" y="3"/>
                    </a:lnTo>
                    <a:lnTo>
                      <a:pt x="51" y="0"/>
                    </a:lnTo>
                    <a:lnTo>
                      <a:pt x="61" y="0"/>
                    </a:lnTo>
                    <a:lnTo>
                      <a:pt x="69" y="2"/>
                    </a:lnTo>
                    <a:lnTo>
                      <a:pt x="79" y="5"/>
                    </a:lnTo>
                    <a:lnTo>
                      <a:pt x="92" y="11"/>
                    </a:lnTo>
                    <a:lnTo>
                      <a:pt x="106" y="19"/>
                    </a:lnTo>
                    <a:lnTo>
                      <a:pt x="114" y="24"/>
                    </a:lnTo>
                    <a:lnTo>
                      <a:pt x="120" y="31"/>
                    </a:lnTo>
                    <a:lnTo>
                      <a:pt x="123" y="35"/>
                    </a:lnTo>
                    <a:lnTo>
                      <a:pt x="136" y="55"/>
                    </a:lnTo>
                    <a:lnTo>
                      <a:pt x="136" y="57"/>
                    </a:lnTo>
                    <a:lnTo>
                      <a:pt x="139" y="65"/>
                    </a:lnTo>
                    <a:lnTo>
                      <a:pt x="141" y="71"/>
                    </a:lnTo>
                    <a:lnTo>
                      <a:pt x="147" y="101"/>
                    </a:lnTo>
                    <a:lnTo>
                      <a:pt x="138" y="83"/>
                    </a:lnTo>
                    <a:lnTo>
                      <a:pt x="131" y="70"/>
                    </a:lnTo>
                    <a:lnTo>
                      <a:pt x="123" y="57"/>
                    </a:lnTo>
                    <a:lnTo>
                      <a:pt x="113" y="43"/>
                    </a:lnTo>
                    <a:lnTo>
                      <a:pt x="78" y="12"/>
                    </a:lnTo>
                    <a:lnTo>
                      <a:pt x="69" y="8"/>
                    </a:lnTo>
                    <a:lnTo>
                      <a:pt x="61" y="6"/>
                    </a:lnTo>
                    <a:lnTo>
                      <a:pt x="54" y="6"/>
                    </a:lnTo>
                    <a:lnTo>
                      <a:pt x="48" y="10"/>
                    </a:lnTo>
                    <a:lnTo>
                      <a:pt x="38" y="21"/>
                    </a:lnTo>
                    <a:lnTo>
                      <a:pt x="28" y="57"/>
                    </a:lnTo>
                    <a:lnTo>
                      <a:pt x="18" y="82"/>
                    </a:lnTo>
                    <a:lnTo>
                      <a:pt x="17" y="88"/>
                    </a:lnTo>
                    <a:lnTo>
                      <a:pt x="18" y="94"/>
                    </a:lnTo>
                    <a:lnTo>
                      <a:pt x="19" y="100"/>
                    </a:lnTo>
                    <a:lnTo>
                      <a:pt x="27" y="112"/>
                    </a:lnTo>
                    <a:lnTo>
                      <a:pt x="22" y="101"/>
                    </a:lnTo>
                    <a:lnTo>
                      <a:pt x="32" y="125"/>
                    </a:lnTo>
                    <a:lnTo>
                      <a:pt x="38" y="137"/>
                    </a:lnTo>
                    <a:lnTo>
                      <a:pt x="39" y="147"/>
                    </a:lnTo>
                    <a:lnTo>
                      <a:pt x="35" y="156"/>
                    </a:lnTo>
                    <a:lnTo>
                      <a:pt x="34" y="159"/>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8" name="Freeform 53"/>
              <p:cNvSpPr>
                <a:spLocks/>
              </p:cNvSpPr>
              <p:nvPr/>
            </p:nvSpPr>
            <p:spPr bwMode="ltGray">
              <a:xfrm>
                <a:off x="844" y="3928"/>
                <a:ext cx="164" cy="152"/>
              </a:xfrm>
              <a:custGeom>
                <a:avLst/>
                <a:gdLst>
                  <a:gd name="T0" fmla="*/ 160 w 164"/>
                  <a:gd name="T1" fmla="*/ 23 h 152"/>
                  <a:gd name="T2" fmla="*/ 149 w 164"/>
                  <a:gd name="T3" fmla="*/ 13 h 152"/>
                  <a:gd name="T4" fmla="*/ 143 w 164"/>
                  <a:gd name="T5" fmla="*/ 9 h 152"/>
                  <a:gd name="T6" fmla="*/ 131 w 164"/>
                  <a:gd name="T7" fmla="*/ 6 h 152"/>
                  <a:gd name="T8" fmla="*/ 120 w 164"/>
                  <a:gd name="T9" fmla="*/ 3 h 152"/>
                  <a:gd name="T10" fmla="*/ 105 w 164"/>
                  <a:gd name="T11" fmla="*/ 0 h 152"/>
                  <a:gd name="T12" fmla="*/ 92 w 164"/>
                  <a:gd name="T13" fmla="*/ 0 h 152"/>
                  <a:gd name="T14" fmla="*/ 80 w 164"/>
                  <a:gd name="T15" fmla="*/ 1 h 152"/>
                  <a:gd name="T16" fmla="*/ 66 w 164"/>
                  <a:gd name="T17" fmla="*/ 2 h 152"/>
                  <a:gd name="T18" fmla="*/ 51 w 164"/>
                  <a:gd name="T19" fmla="*/ 5 h 152"/>
                  <a:gd name="T20" fmla="*/ 42 w 164"/>
                  <a:gd name="T21" fmla="*/ 10 h 152"/>
                  <a:gd name="T22" fmla="*/ 32 w 164"/>
                  <a:gd name="T23" fmla="*/ 19 h 152"/>
                  <a:gd name="T24" fmla="*/ 22 w 164"/>
                  <a:gd name="T25" fmla="*/ 25 h 152"/>
                  <a:gd name="T26" fmla="*/ 15 w 164"/>
                  <a:gd name="T27" fmla="*/ 32 h 152"/>
                  <a:gd name="T28" fmla="*/ 5 w 164"/>
                  <a:gd name="T29" fmla="*/ 41 h 152"/>
                  <a:gd name="T30" fmla="*/ 0 w 164"/>
                  <a:gd name="T31" fmla="*/ 58 h 152"/>
                  <a:gd name="T32" fmla="*/ 2 w 164"/>
                  <a:gd name="T33" fmla="*/ 72 h 152"/>
                  <a:gd name="T34" fmla="*/ 9 w 164"/>
                  <a:gd name="T35" fmla="*/ 92 h 152"/>
                  <a:gd name="T36" fmla="*/ 22 w 164"/>
                  <a:gd name="T37" fmla="*/ 109 h 152"/>
                  <a:gd name="T38" fmla="*/ 51 w 164"/>
                  <a:gd name="T39" fmla="*/ 151 h 152"/>
                  <a:gd name="T40" fmla="*/ 40 w 164"/>
                  <a:gd name="T41" fmla="*/ 107 h 152"/>
                  <a:gd name="T42" fmla="*/ 34 w 164"/>
                  <a:gd name="T43" fmla="*/ 91 h 152"/>
                  <a:gd name="T44" fmla="*/ 30 w 164"/>
                  <a:gd name="T45" fmla="*/ 78 h 152"/>
                  <a:gd name="T46" fmla="*/ 28 w 164"/>
                  <a:gd name="T47" fmla="*/ 63 h 152"/>
                  <a:gd name="T48" fmla="*/ 32 w 164"/>
                  <a:gd name="T49" fmla="*/ 48 h 152"/>
                  <a:gd name="T50" fmla="*/ 36 w 164"/>
                  <a:gd name="T51" fmla="*/ 35 h 152"/>
                  <a:gd name="T52" fmla="*/ 44 w 164"/>
                  <a:gd name="T53" fmla="*/ 20 h 152"/>
                  <a:gd name="T54" fmla="*/ 56 w 164"/>
                  <a:gd name="T55" fmla="*/ 13 h 152"/>
                  <a:gd name="T56" fmla="*/ 71 w 164"/>
                  <a:gd name="T57" fmla="*/ 10 h 152"/>
                  <a:gd name="T58" fmla="*/ 111 w 164"/>
                  <a:gd name="T59" fmla="*/ 9 h 152"/>
                  <a:gd name="T60" fmla="*/ 136 w 164"/>
                  <a:gd name="T61" fmla="*/ 14 h 152"/>
                  <a:gd name="T62" fmla="*/ 163 w 164"/>
                  <a:gd name="T63" fmla="*/ 25 h 152"/>
                  <a:gd name="T64" fmla="*/ 160 w 164"/>
                  <a:gd name="T65" fmla="*/ 23 h 1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64" h="152">
                    <a:moveTo>
                      <a:pt x="160" y="23"/>
                    </a:moveTo>
                    <a:lnTo>
                      <a:pt x="149" y="13"/>
                    </a:lnTo>
                    <a:lnTo>
                      <a:pt x="143" y="9"/>
                    </a:lnTo>
                    <a:lnTo>
                      <a:pt x="131" y="6"/>
                    </a:lnTo>
                    <a:lnTo>
                      <a:pt x="120" y="3"/>
                    </a:lnTo>
                    <a:lnTo>
                      <a:pt x="105" y="0"/>
                    </a:lnTo>
                    <a:lnTo>
                      <a:pt x="92" y="0"/>
                    </a:lnTo>
                    <a:lnTo>
                      <a:pt x="80" y="1"/>
                    </a:lnTo>
                    <a:lnTo>
                      <a:pt x="66" y="2"/>
                    </a:lnTo>
                    <a:lnTo>
                      <a:pt x="51" y="5"/>
                    </a:lnTo>
                    <a:lnTo>
                      <a:pt x="42" y="10"/>
                    </a:lnTo>
                    <a:lnTo>
                      <a:pt x="32" y="19"/>
                    </a:lnTo>
                    <a:lnTo>
                      <a:pt x="22" y="25"/>
                    </a:lnTo>
                    <a:lnTo>
                      <a:pt x="15" y="32"/>
                    </a:lnTo>
                    <a:lnTo>
                      <a:pt x="5" y="41"/>
                    </a:lnTo>
                    <a:lnTo>
                      <a:pt x="0" y="58"/>
                    </a:lnTo>
                    <a:lnTo>
                      <a:pt x="2" y="72"/>
                    </a:lnTo>
                    <a:lnTo>
                      <a:pt x="9" y="92"/>
                    </a:lnTo>
                    <a:lnTo>
                      <a:pt x="22" y="109"/>
                    </a:lnTo>
                    <a:lnTo>
                      <a:pt x="51" y="151"/>
                    </a:lnTo>
                    <a:lnTo>
                      <a:pt x="40" y="107"/>
                    </a:lnTo>
                    <a:lnTo>
                      <a:pt x="34" y="91"/>
                    </a:lnTo>
                    <a:lnTo>
                      <a:pt x="30" y="78"/>
                    </a:lnTo>
                    <a:lnTo>
                      <a:pt x="28" y="63"/>
                    </a:lnTo>
                    <a:lnTo>
                      <a:pt x="32" y="48"/>
                    </a:lnTo>
                    <a:lnTo>
                      <a:pt x="36" y="35"/>
                    </a:lnTo>
                    <a:lnTo>
                      <a:pt x="44" y="20"/>
                    </a:lnTo>
                    <a:lnTo>
                      <a:pt x="56" y="13"/>
                    </a:lnTo>
                    <a:lnTo>
                      <a:pt x="71" y="10"/>
                    </a:lnTo>
                    <a:lnTo>
                      <a:pt x="111" y="9"/>
                    </a:lnTo>
                    <a:lnTo>
                      <a:pt x="136" y="14"/>
                    </a:lnTo>
                    <a:lnTo>
                      <a:pt x="163" y="25"/>
                    </a:lnTo>
                    <a:lnTo>
                      <a:pt x="160" y="23"/>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69" name="Freeform 54"/>
              <p:cNvSpPr>
                <a:spLocks/>
              </p:cNvSpPr>
              <p:nvPr/>
            </p:nvSpPr>
            <p:spPr bwMode="ltGray">
              <a:xfrm>
                <a:off x="961" y="3819"/>
                <a:ext cx="170" cy="148"/>
              </a:xfrm>
              <a:custGeom>
                <a:avLst/>
                <a:gdLst>
                  <a:gd name="T0" fmla="*/ 49 w 170"/>
                  <a:gd name="T1" fmla="*/ 147 h 148"/>
                  <a:gd name="T2" fmla="*/ 37 w 170"/>
                  <a:gd name="T3" fmla="*/ 121 h 148"/>
                  <a:gd name="T4" fmla="*/ 32 w 170"/>
                  <a:gd name="T5" fmla="*/ 111 h 148"/>
                  <a:gd name="T6" fmla="*/ 20 w 170"/>
                  <a:gd name="T7" fmla="*/ 97 h 148"/>
                  <a:gd name="T8" fmla="*/ 8 w 170"/>
                  <a:gd name="T9" fmla="*/ 85 h 148"/>
                  <a:gd name="T10" fmla="*/ 1 w 170"/>
                  <a:gd name="T11" fmla="*/ 77 h 148"/>
                  <a:gd name="T12" fmla="*/ 0 w 170"/>
                  <a:gd name="T13" fmla="*/ 69 h 148"/>
                  <a:gd name="T14" fmla="*/ 2 w 170"/>
                  <a:gd name="T15" fmla="*/ 58 h 148"/>
                  <a:gd name="T16" fmla="*/ 5 w 170"/>
                  <a:gd name="T17" fmla="*/ 48 h 148"/>
                  <a:gd name="T18" fmla="*/ 24 w 170"/>
                  <a:gd name="T19" fmla="*/ 20 h 148"/>
                  <a:gd name="T20" fmla="*/ 32 w 170"/>
                  <a:gd name="T21" fmla="*/ 13 h 148"/>
                  <a:gd name="T22" fmla="*/ 48 w 170"/>
                  <a:gd name="T23" fmla="*/ 6 h 148"/>
                  <a:gd name="T24" fmla="*/ 61 w 170"/>
                  <a:gd name="T25" fmla="*/ 1 h 148"/>
                  <a:gd name="T26" fmla="*/ 78 w 170"/>
                  <a:gd name="T27" fmla="*/ 0 h 148"/>
                  <a:gd name="T28" fmla="*/ 92 w 170"/>
                  <a:gd name="T29" fmla="*/ 2 h 148"/>
                  <a:gd name="T30" fmla="*/ 109 w 170"/>
                  <a:gd name="T31" fmla="*/ 6 h 148"/>
                  <a:gd name="T32" fmla="*/ 126 w 170"/>
                  <a:gd name="T33" fmla="*/ 15 h 148"/>
                  <a:gd name="T34" fmla="*/ 132 w 170"/>
                  <a:gd name="T35" fmla="*/ 21 h 148"/>
                  <a:gd name="T36" fmla="*/ 143 w 170"/>
                  <a:gd name="T37" fmla="*/ 29 h 148"/>
                  <a:gd name="T38" fmla="*/ 152 w 170"/>
                  <a:gd name="T39" fmla="*/ 37 h 148"/>
                  <a:gd name="T40" fmla="*/ 167 w 170"/>
                  <a:gd name="T41" fmla="*/ 76 h 148"/>
                  <a:gd name="T42" fmla="*/ 169 w 170"/>
                  <a:gd name="T43" fmla="*/ 83 h 148"/>
                  <a:gd name="T44" fmla="*/ 166 w 170"/>
                  <a:gd name="T45" fmla="*/ 96 h 148"/>
                  <a:gd name="T46" fmla="*/ 156 w 170"/>
                  <a:gd name="T47" fmla="*/ 132 h 148"/>
                  <a:gd name="T48" fmla="*/ 157 w 170"/>
                  <a:gd name="T49" fmla="*/ 96 h 148"/>
                  <a:gd name="T50" fmla="*/ 152 w 170"/>
                  <a:gd name="T51" fmla="*/ 81 h 148"/>
                  <a:gd name="T52" fmla="*/ 148 w 170"/>
                  <a:gd name="T53" fmla="*/ 72 h 148"/>
                  <a:gd name="T54" fmla="*/ 142 w 170"/>
                  <a:gd name="T55" fmla="*/ 58 h 148"/>
                  <a:gd name="T56" fmla="*/ 134 w 170"/>
                  <a:gd name="T57" fmla="*/ 46 h 148"/>
                  <a:gd name="T58" fmla="*/ 124 w 170"/>
                  <a:gd name="T59" fmla="*/ 34 h 148"/>
                  <a:gd name="T60" fmla="*/ 112 w 170"/>
                  <a:gd name="T61" fmla="*/ 22 h 148"/>
                  <a:gd name="T62" fmla="*/ 102 w 170"/>
                  <a:gd name="T63" fmla="*/ 12 h 148"/>
                  <a:gd name="T64" fmla="*/ 92 w 170"/>
                  <a:gd name="T65" fmla="*/ 6 h 148"/>
                  <a:gd name="T66" fmla="*/ 80 w 170"/>
                  <a:gd name="T67" fmla="*/ 4 h 148"/>
                  <a:gd name="T68" fmla="*/ 68 w 170"/>
                  <a:gd name="T69" fmla="*/ 6 h 148"/>
                  <a:gd name="T70" fmla="*/ 59 w 170"/>
                  <a:gd name="T71" fmla="*/ 11 h 148"/>
                  <a:gd name="T72" fmla="*/ 54 w 170"/>
                  <a:gd name="T73" fmla="*/ 21 h 148"/>
                  <a:gd name="T74" fmla="*/ 54 w 170"/>
                  <a:gd name="T75" fmla="*/ 28 h 148"/>
                  <a:gd name="T76" fmla="*/ 50 w 170"/>
                  <a:gd name="T77" fmla="*/ 42 h 148"/>
                  <a:gd name="T78" fmla="*/ 45 w 170"/>
                  <a:gd name="T79" fmla="*/ 50 h 148"/>
                  <a:gd name="T80" fmla="*/ 34 w 170"/>
                  <a:gd name="T81" fmla="*/ 63 h 148"/>
                  <a:gd name="T82" fmla="*/ 32 w 170"/>
                  <a:gd name="T83" fmla="*/ 69 h 148"/>
                  <a:gd name="T84" fmla="*/ 30 w 170"/>
                  <a:gd name="T85" fmla="*/ 77 h 148"/>
                  <a:gd name="T86" fmla="*/ 30 w 170"/>
                  <a:gd name="T87" fmla="*/ 86 h 148"/>
                  <a:gd name="T88" fmla="*/ 50 w 170"/>
                  <a:gd name="T89" fmla="*/ 119 h 148"/>
                  <a:gd name="T90" fmla="*/ 49 w 170"/>
                  <a:gd name="T91" fmla="*/ 147 h 14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70" h="148">
                    <a:moveTo>
                      <a:pt x="49" y="147"/>
                    </a:moveTo>
                    <a:lnTo>
                      <a:pt x="37" y="121"/>
                    </a:lnTo>
                    <a:lnTo>
                      <a:pt x="32" y="111"/>
                    </a:lnTo>
                    <a:lnTo>
                      <a:pt x="20" y="97"/>
                    </a:lnTo>
                    <a:lnTo>
                      <a:pt x="8" y="85"/>
                    </a:lnTo>
                    <a:lnTo>
                      <a:pt x="1" y="77"/>
                    </a:lnTo>
                    <a:lnTo>
                      <a:pt x="0" y="69"/>
                    </a:lnTo>
                    <a:lnTo>
                      <a:pt x="2" y="58"/>
                    </a:lnTo>
                    <a:lnTo>
                      <a:pt x="5" y="48"/>
                    </a:lnTo>
                    <a:lnTo>
                      <a:pt x="24" y="20"/>
                    </a:lnTo>
                    <a:lnTo>
                      <a:pt x="32" y="13"/>
                    </a:lnTo>
                    <a:lnTo>
                      <a:pt x="48" y="6"/>
                    </a:lnTo>
                    <a:lnTo>
                      <a:pt x="61" y="1"/>
                    </a:lnTo>
                    <a:lnTo>
                      <a:pt x="78" y="0"/>
                    </a:lnTo>
                    <a:lnTo>
                      <a:pt x="92" y="2"/>
                    </a:lnTo>
                    <a:lnTo>
                      <a:pt x="109" y="6"/>
                    </a:lnTo>
                    <a:lnTo>
                      <a:pt x="126" y="15"/>
                    </a:lnTo>
                    <a:lnTo>
                      <a:pt x="132" y="21"/>
                    </a:lnTo>
                    <a:lnTo>
                      <a:pt x="143" y="29"/>
                    </a:lnTo>
                    <a:lnTo>
                      <a:pt x="152" y="37"/>
                    </a:lnTo>
                    <a:lnTo>
                      <a:pt x="167" y="76"/>
                    </a:lnTo>
                    <a:lnTo>
                      <a:pt x="169" y="83"/>
                    </a:lnTo>
                    <a:lnTo>
                      <a:pt x="166" y="96"/>
                    </a:lnTo>
                    <a:lnTo>
                      <a:pt x="156" y="132"/>
                    </a:lnTo>
                    <a:lnTo>
                      <a:pt x="157" y="96"/>
                    </a:lnTo>
                    <a:lnTo>
                      <a:pt x="152" y="81"/>
                    </a:lnTo>
                    <a:lnTo>
                      <a:pt x="148" y="72"/>
                    </a:lnTo>
                    <a:lnTo>
                      <a:pt x="142" y="58"/>
                    </a:lnTo>
                    <a:lnTo>
                      <a:pt x="134" y="46"/>
                    </a:lnTo>
                    <a:lnTo>
                      <a:pt x="124" y="34"/>
                    </a:lnTo>
                    <a:lnTo>
                      <a:pt x="112" y="22"/>
                    </a:lnTo>
                    <a:lnTo>
                      <a:pt x="102" y="12"/>
                    </a:lnTo>
                    <a:lnTo>
                      <a:pt x="92" y="6"/>
                    </a:lnTo>
                    <a:lnTo>
                      <a:pt x="80" y="4"/>
                    </a:lnTo>
                    <a:lnTo>
                      <a:pt x="68" y="6"/>
                    </a:lnTo>
                    <a:lnTo>
                      <a:pt x="59" y="11"/>
                    </a:lnTo>
                    <a:lnTo>
                      <a:pt x="54" y="21"/>
                    </a:lnTo>
                    <a:lnTo>
                      <a:pt x="54" y="28"/>
                    </a:lnTo>
                    <a:lnTo>
                      <a:pt x="50" y="42"/>
                    </a:lnTo>
                    <a:lnTo>
                      <a:pt x="45" y="50"/>
                    </a:lnTo>
                    <a:lnTo>
                      <a:pt x="34" y="63"/>
                    </a:lnTo>
                    <a:lnTo>
                      <a:pt x="32" y="69"/>
                    </a:lnTo>
                    <a:lnTo>
                      <a:pt x="30" y="77"/>
                    </a:lnTo>
                    <a:lnTo>
                      <a:pt x="30" y="86"/>
                    </a:lnTo>
                    <a:lnTo>
                      <a:pt x="50" y="119"/>
                    </a:lnTo>
                    <a:lnTo>
                      <a:pt x="49" y="147"/>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0" name="Freeform 55"/>
              <p:cNvSpPr>
                <a:spLocks/>
              </p:cNvSpPr>
              <p:nvPr/>
            </p:nvSpPr>
            <p:spPr bwMode="ltGray">
              <a:xfrm>
                <a:off x="1052" y="3670"/>
                <a:ext cx="225" cy="215"/>
              </a:xfrm>
              <a:custGeom>
                <a:avLst/>
                <a:gdLst>
                  <a:gd name="T0" fmla="*/ 210 w 225"/>
                  <a:gd name="T1" fmla="*/ 5 h 215"/>
                  <a:gd name="T2" fmla="*/ 209 w 225"/>
                  <a:gd name="T3" fmla="*/ 0 h 215"/>
                  <a:gd name="T4" fmla="*/ 193 w 225"/>
                  <a:gd name="T5" fmla="*/ 2 h 215"/>
                  <a:gd name="T6" fmla="*/ 184 w 225"/>
                  <a:gd name="T7" fmla="*/ 7 h 215"/>
                  <a:gd name="T8" fmla="*/ 5 w 225"/>
                  <a:gd name="T9" fmla="*/ 46 h 215"/>
                  <a:gd name="T10" fmla="*/ 164 w 225"/>
                  <a:gd name="T11" fmla="*/ 18 h 215"/>
                  <a:gd name="T12" fmla="*/ 166 w 225"/>
                  <a:gd name="T13" fmla="*/ 24 h 215"/>
                  <a:gd name="T14" fmla="*/ 89 w 225"/>
                  <a:gd name="T15" fmla="*/ 57 h 215"/>
                  <a:gd name="T16" fmla="*/ 185 w 225"/>
                  <a:gd name="T17" fmla="*/ 31 h 215"/>
                  <a:gd name="T18" fmla="*/ 172 w 225"/>
                  <a:gd name="T19" fmla="*/ 42 h 215"/>
                  <a:gd name="T20" fmla="*/ 142 w 225"/>
                  <a:gd name="T21" fmla="*/ 60 h 215"/>
                  <a:gd name="T22" fmla="*/ 49 w 225"/>
                  <a:gd name="T23" fmla="*/ 109 h 215"/>
                  <a:gd name="T24" fmla="*/ 52 w 225"/>
                  <a:gd name="T25" fmla="*/ 105 h 215"/>
                  <a:gd name="T26" fmla="*/ 113 w 225"/>
                  <a:gd name="T27" fmla="*/ 75 h 215"/>
                  <a:gd name="T28" fmla="*/ 161 w 225"/>
                  <a:gd name="T29" fmla="*/ 51 h 215"/>
                  <a:gd name="T30" fmla="*/ 184 w 225"/>
                  <a:gd name="T31" fmla="*/ 40 h 215"/>
                  <a:gd name="T32" fmla="*/ 188 w 225"/>
                  <a:gd name="T33" fmla="*/ 44 h 215"/>
                  <a:gd name="T34" fmla="*/ 161 w 225"/>
                  <a:gd name="T35" fmla="*/ 59 h 215"/>
                  <a:gd name="T36" fmla="*/ 124 w 225"/>
                  <a:gd name="T37" fmla="*/ 79 h 215"/>
                  <a:gd name="T38" fmla="*/ 172 w 225"/>
                  <a:gd name="T39" fmla="*/ 51 h 215"/>
                  <a:gd name="T40" fmla="*/ 188 w 225"/>
                  <a:gd name="T41" fmla="*/ 44 h 215"/>
                  <a:gd name="T42" fmla="*/ 190 w 225"/>
                  <a:gd name="T43" fmla="*/ 52 h 215"/>
                  <a:gd name="T44" fmla="*/ 172 w 225"/>
                  <a:gd name="T45" fmla="*/ 66 h 215"/>
                  <a:gd name="T46" fmla="*/ 124 w 225"/>
                  <a:gd name="T47" fmla="*/ 85 h 215"/>
                  <a:gd name="T48" fmla="*/ 82 w 225"/>
                  <a:gd name="T49" fmla="*/ 102 h 215"/>
                  <a:gd name="T50" fmla="*/ 131 w 225"/>
                  <a:gd name="T51" fmla="*/ 84 h 215"/>
                  <a:gd name="T52" fmla="*/ 180 w 225"/>
                  <a:gd name="T53" fmla="*/ 64 h 215"/>
                  <a:gd name="T54" fmla="*/ 178 w 225"/>
                  <a:gd name="T55" fmla="*/ 71 h 215"/>
                  <a:gd name="T56" fmla="*/ 180 w 225"/>
                  <a:gd name="T57" fmla="*/ 83 h 215"/>
                  <a:gd name="T58" fmla="*/ 172 w 225"/>
                  <a:gd name="T59" fmla="*/ 89 h 215"/>
                  <a:gd name="T60" fmla="*/ 132 w 225"/>
                  <a:gd name="T61" fmla="*/ 105 h 215"/>
                  <a:gd name="T62" fmla="*/ 56 w 225"/>
                  <a:gd name="T63" fmla="*/ 133 h 215"/>
                  <a:gd name="T64" fmla="*/ 67 w 225"/>
                  <a:gd name="T65" fmla="*/ 127 h 215"/>
                  <a:gd name="T66" fmla="*/ 161 w 225"/>
                  <a:gd name="T67" fmla="*/ 94 h 215"/>
                  <a:gd name="T68" fmla="*/ 191 w 225"/>
                  <a:gd name="T69" fmla="*/ 80 h 215"/>
                  <a:gd name="T70" fmla="*/ 115 w 225"/>
                  <a:gd name="T71" fmla="*/ 122 h 215"/>
                  <a:gd name="T72" fmla="*/ 190 w 225"/>
                  <a:gd name="T73" fmla="*/ 92 h 215"/>
                  <a:gd name="T74" fmla="*/ 188 w 225"/>
                  <a:gd name="T75" fmla="*/ 105 h 215"/>
                  <a:gd name="T76" fmla="*/ 150 w 225"/>
                  <a:gd name="T77" fmla="*/ 133 h 215"/>
                  <a:gd name="T78" fmla="*/ 86 w 225"/>
                  <a:gd name="T79" fmla="*/ 154 h 215"/>
                  <a:gd name="T80" fmla="*/ 26 w 225"/>
                  <a:gd name="T81" fmla="*/ 172 h 215"/>
                  <a:gd name="T82" fmla="*/ 117 w 225"/>
                  <a:gd name="T83" fmla="*/ 146 h 215"/>
                  <a:gd name="T84" fmla="*/ 153 w 225"/>
                  <a:gd name="T85" fmla="*/ 131 h 215"/>
                  <a:gd name="T86" fmla="*/ 188 w 225"/>
                  <a:gd name="T87" fmla="*/ 109 h 215"/>
                  <a:gd name="T88" fmla="*/ 184 w 225"/>
                  <a:gd name="T89" fmla="*/ 119 h 215"/>
                  <a:gd name="T90" fmla="*/ 182 w 225"/>
                  <a:gd name="T91" fmla="*/ 129 h 215"/>
                  <a:gd name="T92" fmla="*/ 184 w 225"/>
                  <a:gd name="T93" fmla="*/ 138 h 215"/>
                  <a:gd name="T94" fmla="*/ 150 w 225"/>
                  <a:gd name="T95" fmla="*/ 157 h 215"/>
                  <a:gd name="T96" fmla="*/ 88 w 225"/>
                  <a:gd name="T97" fmla="*/ 174 h 215"/>
                  <a:gd name="T98" fmla="*/ 92 w 225"/>
                  <a:gd name="T99" fmla="*/ 173 h 215"/>
                  <a:gd name="T100" fmla="*/ 169 w 225"/>
                  <a:gd name="T101" fmla="*/ 150 h 215"/>
                  <a:gd name="T102" fmla="*/ 165 w 225"/>
                  <a:gd name="T103" fmla="*/ 156 h 215"/>
                  <a:gd name="T104" fmla="*/ 169 w 225"/>
                  <a:gd name="T105" fmla="*/ 159 h 215"/>
                  <a:gd name="T106" fmla="*/ 172 w 225"/>
                  <a:gd name="T107" fmla="*/ 165 h 215"/>
                  <a:gd name="T108" fmla="*/ 135 w 225"/>
                  <a:gd name="T109" fmla="*/ 181 h 215"/>
                  <a:gd name="T110" fmla="*/ 93 w 225"/>
                  <a:gd name="T111" fmla="*/ 185 h 215"/>
                  <a:gd name="T112" fmla="*/ 169 w 225"/>
                  <a:gd name="T113" fmla="*/ 170 h 215"/>
                  <a:gd name="T114" fmla="*/ 165 w 225"/>
                  <a:gd name="T115" fmla="*/ 178 h 215"/>
                  <a:gd name="T116" fmla="*/ 170 w 225"/>
                  <a:gd name="T117" fmla="*/ 184 h 215"/>
                  <a:gd name="T118" fmla="*/ 82 w 225"/>
                  <a:gd name="T119" fmla="*/ 214 h 215"/>
                  <a:gd name="T120" fmla="*/ 166 w 225"/>
                  <a:gd name="T121" fmla="*/ 191 h 215"/>
                  <a:gd name="T122" fmla="*/ 183 w 225"/>
                  <a:gd name="T123" fmla="*/ 182 h 215"/>
                  <a:gd name="T124" fmla="*/ 194 w 225"/>
                  <a:gd name="T125" fmla="*/ 175 h 21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25" h="215">
                    <a:moveTo>
                      <a:pt x="207" y="16"/>
                    </a:moveTo>
                    <a:lnTo>
                      <a:pt x="210" y="5"/>
                    </a:lnTo>
                    <a:lnTo>
                      <a:pt x="224" y="4"/>
                    </a:lnTo>
                    <a:lnTo>
                      <a:pt x="209" y="0"/>
                    </a:lnTo>
                    <a:lnTo>
                      <a:pt x="203" y="0"/>
                    </a:lnTo>
                    <a:lnTo>
                      <a:pt x="193" y="2"/>
                    </a:lnTo>
                    <a:lnTo>
                      <a:pt x="193" y="5"/>
                    </a:lnTo>
                    <a:lnTo>
                      <a:pt x="184" y="7"/>
                    </a:lnTo>
                    <a:lnTo>
                      <a:pt x="109" y="37"/>
                    </a:lnTo>
                    <a:lnTo>
                      <a:pt x="5" y="46"/>
                    </a:lnTo>
                    <a:lnTo>
                      <a:pt x="107" y="37"/>
                    </a:lnTo>
                    <a:lnTo>
                      <a:pt x="164" y="18"/>
                    </a:lnTo>
                    <a:lnTo>
                      <a:pt x="184" y="16"/>
                    </a:lnTo>
                    <a:lnTo>
                      <a:pt x="166" y="24"/>
                    </a:lnTo>
                    <a:lnTo>
                      <a:pt x="184" y="24"/>
                    </a:lnTo>
                    <a:lnTo>
                      <a:pt x="89" y="57"/>
                    </a:lnTo>
                    <a:lnTo>
                      <a:pt x="153" y="37"/>
                    </a:lnTo>
                    <a:lnTo>
                      <a:pt x="185" y="31"/>
                    </a:lnTo>
                    <a:lnTo>
                      <a:pt x="184" y="35"/>
                    </a:lnTo>
                    <a:lnTo>
                      <a:pt x="172" y="42"/>
                    </a:lnTo>
                    <a:lnTo>
                      <a:pt x="164" y="48"/>
                    </a:lnTo>
                    <a:lnTo>
                      <a:pt x="142" y="60"/>
                    </a:lnTo>
                    <a:lnTo>
                      <a:pt x="101" y="83"/>
                    </a:lnTo>
                    <a:lnTo>
                      <a:pt x="49" y="109"/>
                    </a:lnTo>
                    <a:lnTo>
                      <a:pt x="7" y="127"/>
                    </a:lnTo>
                    <a:lnTo>
                      <a:pt x="52" y="105"/>
                    </a:lnTo>
                    <a:lnTo>
                      <a:pt x="79" y="92"/>
                    </a:lnTo>
                    <a:lnTo>
                      <a:pt x="113" y="75"/>
                    </a:lnTo>
                    <a:lnTo>
                      <a:pt x="131" y="64"/>
                    </a:lnTo>
                    <a:lnTo>
                      <a:pt x="161" y="51"/>
                    </a:lnTo>
                    <a:lnTo>
                      <a:pt x="172" y="46"/>
                    </a:lnTo>
                    <a:lnTo>
                      <a:pt x="184" y="40"/>
                    </a:lnTo>
                    <a:lnTo>
                      <a:pt x="177" y="40"/>
                    </a:lnTo>
                    <a:lnTo>
                      <a:pt x="188" y="44"/>
                    </a:lnTo>
                    <a:lnTo>
                      <a:pt x="177" y="48"/>
                    </a:lnTo>
                    <a:lnTo>
                      <a:pt x="161" y="59"/>
                    </a:lnTo>
                    <a:lnTo>
                      <a:pt x="144" y="70"/>
                    </a:lnTo>
                    <a:lnTo>
                      <a:pt x="124" y="79"/>
                    </a:lnTo>
                    <a:lnTo>
                      <a:pt x="158" y="60"/>
                    </a:lnTo>
                    <a:lnTo>
                      <a:pt x="172" y="51"/>
                    </a:lnTo>
                    <a:lnTo>
                      <a:pt x="184" y="44"/>
                    </a:lnTo>
                    <a:lnTo>
                      <a:pt x="188" y="44"/>
                    </a:lnTo>
                    <a:lnTo>
                      <a:pt x="180" y="54"/>
                    </a:lnTo>
                    <a:lnTo>
                      <a:pt x="190" y="52"/>
                    </a:lnTo>
                    <a:lnTo>
                      <a:pt x="184" y="59"/>
                    </a:lnTo>
                    <a:lnTo>
                      <a:pt x="172" y="66"/>
                    </a:lnTo>
                    <a:lnTo>
                      <a:pt x="150" y="77"/>
                    </a:lnTo>
                    <a:lnTo>
                      <a:pt x="124" y="85"/>
                    </a:lnTo>
                    <a:lnTo>
                      <a:pt x="101" y="94"/>
                    </a:lnTo>
                    <a:lnTo>
                      <a:pt x="82" y="102"/>
                    </a:lnTo>
                    <a:lnTo>
                      <a:pt x="93" y="97"/>
                    </a:lnTo>
                    <a:lnTo>
                      <a:pt x="131" y="84"/>
                    </a:lnTo>
                    <a:lnTo>
                      <a:pt x="172" y="68"/>
                    </a:lnTo>
                    <a:lnTo>
                      <a:pt x="180" y="64"/>
                    </a:lnTo>
                    <a:lnTo>
                      <a:pt x="188" y="59"/>
                    </a:lnTo>
                    <a:lnTo>
                      <a:pt x="178" y="71"/>
                    </a:lnTo>
                    <a:lnTo>
                      <a:pt x="194" y="66"/>
                    </a:lnTo>
                    <a:lnTo>
                      <a:pt x="180" y="83"/>
                    </a:lnTo>
                    <a:lnTo>
                      <a:pt x="177" y="86"/>
                    </a:lnTo>
                    <a:lnTo>
                      <a:pt x="172" y="89"/>
                    </a:lnTo>
                    <a:lnTo>
                      <a:pt x="153" y="97"/>
                    </a:lnTo>
                    <a:lnTo>
                      <a:pt x="132" y="105"/>
                    </a:lnTo>
                    <a:lnTo>
                      <a:pt x="92" y="120"/>
                    </a:lnTo>
                    <a:lnTo>
                      <a:pt x="56" y="133"/>
                    </a:lnTo>
                    <a:lnTo>
                      <a:pt x="0" y="151"/>
                    </a:lnTo>
                    <a:lnTo>
                      <a:pt x="67" y="127"/>
                    </a:lnTo>
                    <a:lnTo>
                      <a:pt x="135" y="103"/>
                    </a:lnTo>
                    <a:lnTo>
                      <a:pt x="161" y="94"/>
                    </a:lnTo>
                    <a:lnTo>
                      <a:pt x="177" y="83"/>
                    </a:lnTo>
                    <a:lnTo>
                      <a:pt x="191" y="80"/>
                    </a:lnTo>
                    <a:lnTo>
                      <a:pt x="193" y="80"/>
                    </a:lnTo>
                    <a:lnTo>
                      <a:pt x="115" y="122"/>
                    </a:lnTo>
                    <a:lnTo>
                      <a:pt x="176" y="93"/>
                    </a:lnTo>
                    <a:lnTo>
                      <a:pt x="190" y="92"/>
                    </a:lnTo>
                    <a:lnTo>
                      <a:pt x="173" y="108"/>
                    </a:lnTo>
                    <a:lnTo>
                      <a:pt x="188" y="105"/>
                    </a:lnTo>
                    <a:lnTo>
                      <a:pt x="165" y="121"/>
                    </a:lnTo>
                    <a:lnTo>
                      <a:pt x="150" y="133"/>
                    </a:lnTo>
                    <a:lnTo>
                      <a:pt x="124" y="142"/>
                    </a:lnTo>
                    <a:lnTo>
                      <a:pt x="86" y="154"/>
                    </a:lnTo>
                    <a:lnTo>
                      <a:pt x="52" y="165"/>
                    </a:lnTo>
                    <a:lnTo>
                      <a:pt x="26" y="172"/>
                    </a:lnTo>
                    <a:lnTo>
                      <a:pt x="7" y="176"/>
                    </a:lnTo>
                    <a:lnTo>
                      <a:pt x="117" y="146"/>
                    </a:lnTo>
                    <a:lnTo>
                      <a:pt x="142" y="138"/>
                    </a:lnTo>
                    <a:lnTo>
                      <a:pt x="153" y="131"/>
                    </a:lnTo>
                    <a:lnTo>
                      <a:pt x="171" y="120"/>
                    </a:lnTo>
                    <a:lnTo>
                      <a:pt x="188" y="109"/>
                    </a:lnTo>
                    <a:lnTo>
                      <a:pt x="170" y="124"/>
                    </a:lnTo>
                    <a:lnTo>
                      <a:pt x="184" y="119"/>
                    </a:lnTo>
                    <a:lnTo>
                      <a:pt x="169" y="132"/>
                    </a:lnTo>
                    <a:lnTo>
                      <a:pt x="182" y="129"/>
                    </a:lnTo>
                    <a:lnTo>
                      <a:pt x="167" y="143"/>
                    </a:lnTo>
                    <a:lnTo>
                      <a:pt x="184" y="138"/>
                    </a:lnTo>
                    <a:lnTo>
                      <a:pt x="169" y="146"/>
                    </a:lnTo>
                    <a:lnTo>
                      <a:pt x="150" y="157"/>
                    </a:lnTo>
                    <a:lnTo>
                      <a:pt x="135" y="160"/>
                    </a:lnTo>
                    <a:lnTo>
                      <a:pt x="88" y="174"/>
                    </a:lnTo>
                    <a:lnTo>
                      <a:pt x="45" y="181"/>
                    </a:lnTo>
                    <a:lnTo>
                      <a:pt x="92" y="173"/>
                    </a:lnTo>
                    <a:lnTo>
                      <a:pt x="131" y="161"/>
                    </a:lnTo>
                    <a:lnTo>
                      <a:pt x="169" y="150"/>
                    </a:lnTo>
                    <a:lnTo>
                      <a:pt x="180" y="144"/>
                    </a:lnTo>
                    <a:lnTo>
                      <a:pt x="165" y="156"/>
                    </a:lnTo>
                    <a:lnTo>
                      <a:pt x="177" y="154"/>
                    </a:lnTo>
                    <a:lnTo>
                      <a:pt x="169" y="159"/>
                    </a:lnTo>
                    <a:lnTo>
                      <a:pt x="166" y="167"/>
                    </a:lnTo>
                    <a:lnTo>
                      <a:pt x="172" y="165"/>
                    </a:lnTo>
                    <a:lnTo>
                      <a:pt x="163" y="171"/>
                    </a:lnTo>
                    <a:lnTo>
                      <a:pt x="135" y="181"/>
                    </a:lnTo>
                    <a:lnTo>
                      <a:pt x="117" y="183"/>
                    </a:lnTo>
                    <a:lnTo>
                      <a:pt x="93" y="185"/>
                    </a:lnTo>
                    <a:lnTo>
                      <a:pt x="139" y="180"/>
                    </a:lnTo>
                    <a:lnTo>
                      <a:pt x="169" y="170"/>
                    </a:lnTo>
                    <a:lnTo>
                      <a:pt x="177" y="163"/>
                    </a:lnTo>
                    <a:lnTo>
                      <a:pt x="165" y="178"/>
                    </a:lnTo>
                    <a:lnTo>
                      <a:pt x="177" y="175"/>
                    </a:lnTo>
                    <a:lnTo>
                      <a:pt x="170" y="184"/>
                    </a:lnTo>
                    <a:lnTo>
                      <a:pt x="158" y="195"/>
                    </a:lnTo>
                    <a:lnTo>
                      <a:pt x="82" y="214"/>
                    </a:lnTo>
                    <a:lnTo>
                      <a:pt x="158" y="197"/>
                    </a:lnTo>
                    <a:lnTo>
                      <a:pt x="166" y="191"/>
                    </a:lnTo>
                    <a:lnTo>
                      <a:pt x="170" y="187"/>
                    </a:lnTo>
                    <a:lnTo>
                      <a:pt x="183" y="182"/>
                    </a:lnTo>
                    <a:lnTo>
                      <a:pt x="191" y="191"/>
                    </a:lnTo>
                    <a:lnTo>
                      <a:pt x="194" y="175"/>
                    </a:lnTo>
                    <a:lnTo>
                      <a:pt x="207" y="16"/>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1" name="Freeform 56"/>
              <p:cNvSpPr>
                <a:spLocks/>
              </p:cNvSpPr>
              <p:nvPr/>
            </p:nvSpPr>
            <p:spPr bwMode="ltGray">
              <a:xfrm>
                <a:off x="1243" y="3670"/>
                <a:ext cx="217" cy="217"/>
              </a:xfrm>
              <a:custGeom>
                <a:avLst/>
                <a:gdLst>
                  <a:gd name="T0" fmla="*/ 1 w 217"/>
                  <a:gd name="T1" fmla="*/ 178 h 217"/>
                  <a:gd name="T2" fmla="*/ 8 w 217"/>
                  <a:gd name="T3" fmla="*/ 171 h 217"/>
                  <a:gd name="T4" fmla="*/ 62 w 217"/>
                  <a:gd name="T5" fmla="*/ 216 h 217"/>
                  <a:gd name="T6" fmla="*/ 19 w 217"/>
                  <a:gd name="T7" fmla="*/ 172 h 217"/>
                  <a:gd name="T8" fmla="*/ 24 w 217"/>
                  <a:gd name="T9" fmla="*/ 167 h 217"/>
                  <a:gd name="T10" fmla="*/ 76 w 217"/>
                  <a:gd name="T11" fmla="*/ 199 h 217"/>
                  <a:gd name="T12" fmla="*/ 21 w 217"/>
                  <a:gd name="T13" fmla="*/ 165 h 217"/>
                  <a:gd name="T14" fmla="*/ 29 w 217"/>
                  <a:gd name="T15" fmla="*/ 158 h 217"/>
                  <a:gd name="T16" fmla="*/ 35 w 217"/>
                  <a:gd name="T17" fmla="*/ 150 h 217"/>
                  <a:gd name="T18" fmla="*/ 32 w 217"/>
                  <a:gd name="T19" fmla="*/ 144 h 217"/>
                  <a:gd name="T20" fmla="*/ 39 w 217"/>
                  <a:gd name="T21" fmla="*/ 142 h 217"/>
                  <a:gd name="T22" fmla="*/ 35 w 217"/>
                  <a:gd name="T23" fmla="*/ 141 h 217"/>
                  <a:gd name="T24" fmla="*/ 35 w 217"/>
                  <a:gd name="T25" fmla="*/ 133 h 217"/>
                  <a:gd name="T26" fmla="*/ 39 w 217"/>
                  <a:gd name="T27" fmla="*/ 128 h 217"/>
                  <a:gd name="T28" fmla="*/ 102 w 217"/>
                  <a:gd name="T29" fmla="*/ 166 h 217"/>
                  <a:gd name="T30" fmla="*/ 35 w 217"/>
                  <a:gd name="T31" fmla="*/ 126 h 217"/>
                  <a:gd name="T32" fmla="*/ 42 w 217"/>
                  <a:gd name="T33" fmla="*/ 126 h 217"/>
                  <a:gd name="T34" fmla="*/ 42 w 217"/>
                  <a:gd name="T35" fmla="*/ 114 h 217"/>
                  <a:gd name="T36" fmla="*/ 123 w 217"/>
                  <a:gd name="T37" fmla="*/ 141 h 217"/>
                  <a:gd name="T38" fmla="*/ 59 w 217"/>
                  <a:gd name="T39" fmla="*/ 123 h 217"/>
                  <a:gd name="T40" fmla="*/ 37 w 217"/>
                  <a:gd name="T41" fmla="*/ 107 h 217"/>
                  <a:gd name="T42" fmla="*/ 39 w 217"/>
                  <a:gd name="T43" fmla="*/ 101 h 217"/>
                  <a:gd name="T44" fmla="*/ 53 w 217"/>
                  <a:gd name="T45" fmla="*/ 106 h 217"/>
                  <a:gd name="T46" fmla="*/ 54 w 217"/>
                  <a:gd name="T47" fmla="*/ 100 h 217"/>
                  <a:gd name="T48" fmla="*/ 113 w 217"/>
                  <a:gd name="T49" fmla="*/ 112 h 217"/>
                  <a:gd name="T50" fmla="*/ 91 w 217"/>
                  <a:gd name="T51" fmla="*/ 105 h 217"/>
                  <a:gd name="T52" fmla="*/ 45 w 217"/>
                  <a:gd name="T53" fmla="*/ 90 h 217"/>
                  <a:gd name="T54" fmla="*/ 42 w 217"/>
                  <a:gd name="T55" fmla="*/ 81 h 217"/>
                  <a:gd name="T56" fmla="*/ 46 w 217"/>
                  <a:gd name="T57" fmla="*/ 75 h 217"/>
                  <a:gd name="T58" fmla="*/ 62 w 217"/>
                  <a:gd name="T59" fmla="*/ 79 h 217"/>
                  <a:gd name="T60" fmla="*/ 59 w 217"/>
                  <a:gd name="T61" fmla="*/ 69 h 217"/>
                  <a:gd name="T62" fmla="*/ 54 w 217"/>
                  <a:gd name="T63" fmla="*/ 62 h 217"/>
                  <a:gd name="T64" fmla="*/ 58 w 217"/>
                  <a:gd name="T65" fmla="*/ 58 h 217"/>
                  <a:gd name="T66" fmla="*/ 120 w 217"/>
                  <a:gd name="T67" fmla="*/ 76 h 217"/>
                  <a:gd name="T68" fmla="*/ 193 w 217"/>
                  <a:gd name="T69" fmla="*/ 90 h 217"/>
                  <a:gd name="T70" fmla="*/ 91 w 217"/>
                  <a:gd name="T71" fmla="*/ 68 h 217"/>
                  <a:gd name="T72" fmla="*/ 58 w 217"/>
                  <a:gd name="T73" fmla="*/ 58 h 217"/>
                  <a:gd name="T74" fmla="*/ 62 w 217"/>
                  <a:gd name="T75" fmla="*/ 53 h 217"/>
                  <a:gd name="T76" fmla="*/ 56 w 217"/>
                  <a:gd name="T77" fmla="*/ 41 h 217"/>
                  <a:gd name="T78" fmla="*/ 58 w 217"/>
                  <a:gd name="T79" fmla="*/ 32 h 217"/>
                  <a:gd name="T80" fmla="*/ 91 w 217"/>
                  <a:gd name="T81" fmla="*/ 43 h 217"/>
                  <a:gd name="T82" fmla="*/ 84 w 217"/>
                  <a:gd name="T83" fmla="*/ 40 h 217"/>
                  <a:gd name="T84" fmla="*/ 62 w 217"/>
                  <a:gd name="T85" fmla="*/ 32 h 217"/>
                  <a:gd name="T86" fmla="*/ 58 w 217"/>
                  <a:gd name="T87" fmla="*/ 29 h 217"/>
                  <a:gd name="T88" fmla="*/ 46 w 217"/>
                  <a:gd name="T89" fmla="*/ 23 h 217"/>
                  <a:gd name="T90" fmla="*/ 113 w 217"/>
                  <a:gd name="T91" fmla="*/ 33 h 217"/>
                  <a:gd name="T92" fmla="*/ 46 w 217"/>
                  <a:gd name="T93" fmla="*/ 16 h 217"/>
                  <a:gd name="T94" fmla="*/ 125 w 217"/>
                  <a:gd name="T95" fmla="*/ 16 h 217"/>
                  <a:gd name="T96" fmla="*/ 159 w 217"/>
                  <a:gd name="T97" fmla="*/ 13 h 217"/>
                  <a:gd name="T98" fmla="*/ 58 w 217"/>
                  <a:gd name="T99" fmla="*/ 16 h 217"/>
                  <a:gd name="T100" fmla="*/ 42 w 217"/>
                  <a:gd name="T101" fmla="*/ 6 h 217"/>
                  <a:gd name="T102" fmla="*/ 20 w 217"/>
                  <a:gd name="T103" fmla="*/ 2 h 217"/>
                  <a:gd name="T104" fmla="*/ 0 w 217"/>
                  <a:gd name="T105" fmla="*/ 188 h 2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17" h="217">
                    <a:moveTo>
                      <a:pt x="0" y="188"/>
                    </a:moveTo>
                    <a:lnTo>
                      <a:pt x="1" y="178"/>
                    </a:lnTo>
                    <a:lnTo>
                      <a:pt x="13" y="183"/>
                    </a:lnTo>
                    <a:lnTo>
                      <a:pt x="8" y="171"/>
                    </a:lnTo>
                    <a:lnTo>
                      <a:pt x="20" y="172"/>
                    </a:lnTo>
                    <a:lnTo>
                      <a:pt x="62" y="216"/>
                    </a:lnTo>
                    <a:lnTo>
                      <a:pt x="24" y="178"/>
                    </a:lnTo>
                    <a:lnTo>
                      <a:pt x="19" y="172"/>
                    </a:lnTo>
                    <a:lnTo>
                      <a:pt x="16" y="166"/>
                    </a:lnTo>
                    <a:lnTo>
                      <a:pt x="24" y="167"/>
                    </a:lnTo>
                    <a:lnTo>
                      <a:pt x="48" y="179"/>
                    </a:lnTo>
                    <a:lnTo>
                      <a:pt x="76" y="199"/>
                    </a:lnTo>
                    <a:lnTo>
                      <a:pt x="35" y="172"/>
                    </a:lnTo>
                    <a:lnTo>
                      <a:pt x="21" y="165"/>
                    </a:lnTo>
                    <a:lnTo>
                      <a:pt x="20" y="155"/>
                    </a:lnTo>
                    <a:lnTo>
                      <a:pt x="29" y="158"/>
                    </a:lnTo>
                    <a:lnTo>
                      <a:pt x="27" y="147"/>
                    </a:lnTo>
                    <a:lnTo>
                      <a:pt x="35" y="150"/>
                    </a:lnTo>
                    <a:lnTo>
                      <a:pt x="72" y="189"/>
                    </a:lnTo>
                    <a:lnTo>
                      <a:pt x="32" y="144"/>
                    </a:lnTo>
                    <a:lnTo>
                      <a:pt x="27" y="137"/>
                    </a:lnTo>
                    <a:lnTo>
                      <a:pt x="39" y="142"/>
                    </a:lnTo>
                    <a:lnTo>
                      <a:pt x="69" y="164"/>
                    </a:lnTo>
                    <a:lnTo>
                      <a:pt x="35" y="141"/>
                    </a:lnTo>
                    <a:lnTo>
                      <a:pt x="24" y="129"/>
                    </a:lnTo>
                    <a:lnTo>
                      <a:pt x="35" y="133"/>
                    </a:lnTo>
                    <a:lnTo>
                      <a:pt x="27" y="126"/>
                    </a:lnTo>
                    <a:lnTo>
                      <a:pt x="39" y="128"/>
                    </a:lnTo>
                    <a:lnTo>
                      <a:pt x="49" y="141"/>
                    </a:lnTo>
                    <a:lnTo>
                      <a:pt x="102" y="166"/>
                    </a:lnTo>
                    <a:lnTo>
                      <a:pt x="46" y="137"/>
                    </a:lnTo>
                    <a:lnTo>
                      <a:pt x="35" y="126"/>
                    </a:lnTo>
                    <a:lnTo>
                      <a:pt x="32" y="120"/>
                    </a:lnTo>
                    <a:lnTo>
                      <a:pt x="42" y="126"/>
                    </a:lnTo>
                    <a:lnTo>
                      <a:pt x="35" y="113"/>
                    </a:lnTo>
                    <a:lnTo>
                      <a:pt x="42" y="114"/>
                    </a:lnTo>
                    <a:lnTo>
                      <a:pt x="48" y="121"/>
                    </a:lnTo>
                    <a:lnTo>
                      <a:pt x="123" y="141"/>
                    </a:lnTo>
                    <a:lnTo>
                      <a:pt x="83" y="129"/>
                    </a:lnTo>
                    <a:lnTo>
                      <a:pt x="59" y="123"/>
                    </a:lnTo>
                    <a:lnTo>
                      <a:pt x="53" y="120"/>
                    </a:lnTo>
                    <a:lnTo>
                      <a:pt x="37" y="107"/>
                    </a:lnTo>
                    <a:lnTo>
                      <a:pt x="42" y="109"/>
                    </a:lnTo>
                    <a:lnTo>
                      <a:pt x="39" y="101"/>
                    </a:lnTo>
                    <a:lnTo>
                      <a:pt x="37" y="103"/>
                    </a:lnTo>
                    <a:lnTo>
                      <a:pt x="53" y="106"/>
                    </a:lnTo>
                    <a:lnTo>
                      <a:pt x="42" y="98"/>
                    </a:lnTo>
                    <a:lnTo>
                      <a:pt x="54" y="100"/>
                    </a:lnTo>
                    <a:lnTo>
                      <a:pt x="82" y="103"/>
                    </a:lnTo>
                    <a:lnTo>
                      <a:pt x="113" y="112"/>
                    </a:lnTo>
                    <a:lnTo>
                      <a:pt x="189" y="139"/>
                    </a:lnTo>
                    <a:lnTo>
                      <a:pt x="91" y="105"/>
                    </a:lnTo>
                    <a:lnTo>
                      <a:pt x="54" y="98"/>
                    </a:lnTo>
                    <a:lnTo>
                      <a:pt x="45" y="90"/>
                    </a:lnTo>
                    <a:lnTo>
                      <a:pt x="59" y="94"/>
                    </a:lnTo>
                    <a:lnTo>
                      <a:pt x="42" y="81"/>
                    </a:lnTo>
                    <a:lnTo>
                      <a:pt x="54" y="82"/>
                    </a:lnTo>
                    <a:lnTo>
                      <a:pt x="46" y="75"/>
                    </a:lnTo>
                    <a:lnTo>
                      <a:pt x="48" y="73"/>
                    </a:lnTo>
                    <a:lnTo>
                      <a:pt x="62" y="79"/>
                    </a:lnTo>
                    <a:lnTo>
                      <a:pt x="48" y="69"/>
                    </a:lnTo>
                    <a:lnTo>
                      <a:pt x="59" y="69"/>
                    </a:lnTo>
                    <a:lnTo>
                      <a:pt x="46" y="62"/>
                    </a:lnTo>
                    <a:lnTo>
                      <a:pt x="54" y="62"/>
                    </a:lnTo>
                    <a:lnTo>
                      <a:pt x="46" y="58"/>
                    </a:lnTo>
                    <a:lnTo>
                      <a:pt x="58" y="58"/>
                    </a:lnTo>
                    <a:lnTo>
                      <a:pt x="81" y="67"/>
                    </a:lnTo>
                    <a:lnTo>
                      <a:pt x="120" y="76"/>
                    </a:lnTo>
                    <a:lnTo>
                      <a:pt x="159" y="84"/>
                    </a:lnTo>
                    <a:lnTo>
                      <a:pt x="193" y="90"/>
                    </a:lnTo>
                    <a:lnTo>
                      <a:pt x="110" y="73"/>
                    </a:lnTo>
                    <a:lnTo>
                      <a:pt x="91" y="68"/>
                    </a:lnTo>
                    <a:lnTo>
                      <a:pt x="62" y="61"/>
                    </a:lnTo>
                    <a:lnTo>
                      <a:pt x="58" y="58"/>
                    </a:lnTo>
                    <a:lnTo>
                      <a:pt x="50" y="51"/>
                    </a:lnTo>
                    <a:lnTo>
                      <a:pt x="62" y="53"/>
                    </a:lnTo>
                    <a:lnTo>
                      <a:pt x="48" y="41"/>
                    </a:lnTo>
                    <a:lnTo>
                      <a:pt x="56" y="41"/>
                    </a:lnTo>
                    <a:lnTo>
                      <a:pt x="46" y="32"/>
                    </a:lnTo>
                    <a:lnTo>
                      <a:pt x="58" y="32"/>
                    </a:lnTo>
                    <a:lnTo>
                      <a:pt x="65" y="37"/>
                    </a:lnTo>
                    <a:lnTo>
                      <a:pt x="91" y="43"/>
                    </a:lnTo>
                    <a:lnTo>
                      <a:pt x="167" y="57"/>
                    </a:lnTo>
                    <a:lnTo>
                      <a:pt x="84" y="40"/>
                    </a:lnTo>
                    <a:lnTo>
                      <a:pt x="65" y="36"/>
                    </a:lnTo>
                    <a:lnTo>
                      <a:pt x="62" y="32"/>
                    </a:lnTo>
                    <a:lnTo>
                      <a:pt x="50" y="27"/>
                    </a:lnTo>
                    <a:lnTo>
                      <a:pt x="58" y="29"/>
                    </a:lnTo>
                    <a:lnTo>
                      <a:pt x="39" y="21"/>
                    </a:lnTo>
                    <a:lnTo>
                      <a:pt x="46" y="23"/>
                    </a:lnTo>
                    <a:lnTo>
                      <a:pt x="64" y="23"/>
                    </a:lnTo>
                    <a:lnTo>
                      <a:pt x="113" y="33"/>
                    </a:lnTo>
                    <a:lnTo>
                      <a:pt x="62" y="23"/>
                    </a:lnTo>
                    <a:lnTo>
                      <a:pt x="46" y="16"/>
                    </a:lnTo>
                    <a:lnTo>
                      <a:pt x="62" y="16"/>
                    </a:lnTo>
                    <a:lnTo>
                      <a:pt x="125" y="16"/>
                    </a:lnTo>
                    <a:lnTo>
                      <a:pt x="216" y="8"/>
                    </a:lnTo>
                    <a:lnTo>
                      <a:pt x="159" y="13"/>
                    </a:lnTo>
                    <a:lnTo>
                      <a:pt x="81" y="17"/>
                    </a:lnTo>
                    <a:lnTo>
                      <a:pt x="58" y="16"/>
                    </a:lnTo>
                    <a:lnTo>
                      <a:pt x="50" y="12"/>
                    </a:lnTo>
                    <a:lnTo>
                      <a:pt x="42" y="6"/>
                    </a:lnTo>
                    <a:lnTo>
                      <a:pt x="25" y="0"/>
                    </a:lnTo>
                    <a:lnTo>
                      <a:pt x="20" y="2"/>
                    </a:lnTo>
                    <a:lnTo>
                      <a:pt x="16" y="0"/>
                    </a:lnTo>
                    <a:lnTo>
                      <a:pt x="0" y="188"/>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2" name="Freeform 57"/>
              <p:cNvSpPr>
                <a:spLocks/>
              </p:cNvSpPr>
              <p:nvPr/>
            </p:nvSpPr>
            <p:spPr bwMode="ltGray">
              <a:xfrm>
                <a:off x="1245" y="3887"/>
                <a:ext cx="58" cy="164"/>
              </a:xfrm>
              <a:custGeom>
                <a:avLst/>
                <a:gdLst>
                  <a:gd name="T0" fmla="*/ 11 w 58"/>
                  <a:gd name="T1" fmla="*/ 0 h 164"/>
                  <a:gd name="T2" fmla="*/ 22 w 58"/>
                  <a:gd name="T3" fmla="*/ 12 h 164"/>
                  <a:gd name="T4" fmla="*/ 34 w 58"/>
                  <a:gd name="T5" fmla="*/ 32 h 164"/>
                  <a:gd name="T6" fmla="*/ 46 w 58"/>
                  <a:gd name="T7" fmla="*/ 59 h 164"/>
                  <a:gd name="T8" fmla="*/ 57 w 58"/>
                  <a:gd name="T9" fmla="*/ 94 h 164"/>
                  <a:gd name="T10" fmla="*/ 57 w 58"/>
                  <a:gd name="T11" fmla="*/ 130 h 164"/>
                  <a:gd name="T12" fmla="*/ 51 w 58"/>
                  <a:gd name="T13" fmla="*/ 163 h 164"/>
                  <a:gd name="T14" fmla="*/ 46 w 58"/>
                  <a:gd name="T15" fmla="*/ 163 h 164"/>
                  <a:gd name="T16" fmla="*/ 51 w 58"/>
                  <a:gd name="T17" fmla="*/ 130 h 164"/>
                  <a:gd name="T18" fmla="*/ 51 w 58"/>
                  <a:gd name="T19" fmla="*/ 103 h 164"/>
                  <a:gd name="T20" fmla="*/ 39 w 58"/>
                  <a:gd name="T21" fmla="*/ 73 h 164"/>
                  <a:gd name="T22" fmla="*/ 22 w 58"/>
                  <a:gd name="T23" fmla="*/ 44 h 164"/>
                  <a:gd name="T24" fmla="*/ 0 w 58"/>
                  <a:gd name="T25" fmla="*/ 7 h 164"/>
                  <a:gd name="T26" fmla="*/ 11 w 58"/>
                  <a:gd name="T27" fmla="*/ 0 h 1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8" h="164">
                    <a:moveTo>
                      <a:pt x="11" y="0"/>
                    </a:moveTo>
                    <a:lnTo>
                      <a:pt x="22" y="12"/>
                    </a:lnTo>
                    <a:lnTo>
                      <a:pt x="34" y="32"/>
                    </a:lnTo>
                    <a:lnTo>
                      <a:pt x="46" y="59"/>
                    </a:lnTo>
                    <a:lnTo>
                      <a:pt x="57" y="94"/>
                    </a:lnTo>
                    <a:lnTo>
                      <a:pt x="57" y="130"/>
                    </a:lnTo>
                    <a:lnTo>
                      <a:pt x="51" y="163"/>
                    </a:lnTo>
                    <a:lnTo>
                      <a:pt x="46" y="163"/>
                    </a:lnTo>
                    <a:lnTo>
                      <a:pt x="51" y="130"/>
                    </a:lnTo>
                    <a:lnTo>
                      <a:pt x="51" y="103"/>
                    </a:lnTo>
                    <a:lnTo>
                      <a:pt x="39" y="73"/>
                    </a:lnTo>
                    <a:lnTo>
                      <a:pt x="22" y="44"/>
                    </a:lnTo>
                    <a:lnTo>
                      <a:pt x="0" y="7"/>
                    </a:lnTo>
                    <a:lnTo>
                      <a:pt x="11"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3" name="Freeform 58"/>
              <p:cNvSpPr>
                <a:spLocks/>
              </p:cNvSpPr>
              <p:nvPr/>
            </p:nvSpPr>
            <p:spPr bwMode="ltGray">
              <a:xfrm>
                <a:off x="287" y="3721"/>
                <a:ext cx="156" cy="308"/>
              </a:xfrm>
              <a:custGeom>
                <a:avLst/>
                <a:gdLst>
                  <a:gd name="T0" fmla="*/ 152 w 156"/>
                  <a:gd name="T1" fmla="*/ 47 h 308"/>
                  <a:gd name="T2" fmla="*/ 141 w 156"/>
                  <a:gd name="T3" fmla="*/ 27 h 308"/>
                  <a:gd name="T4" fmla="*/ 136 w 156"/>
                  <a:gd name="T5" fmla="*/ 19 h 308"/>
                  <a:gd name="T6" fmla="*/ 125 w 156"/>
                  <a:gd name="T7" fmla="*/ 13 h 308"/>
                  <a:gd name="T8" fmla="*/ 114 w 156"/>
                  <a:gd name="T9" fmla="*/ 7 h 308"/>
                  <a:gd name="T10" fmla="*/ 100 w 156"/>
                  <a:gd name="T11" fmla="*/ 1 h 308"/>
                  <a:gd name="T12" fmla="*/ 87 w 156"/>
                  <a:gd name="T13" fmla="*/ 0 h 308"/>
                  <a:gd name="T14" fmla="*/ 76 w 156"/>
                  <a:gd name="T15" fmla="*/ 2 h 308"/>
                  <a:gd name="T16" fmla="*/ 63 w 156"/>
                  <a:gd name="T17" fmla="*/ 5 h 308"/>
                  <a:gd name="T18" fmla="*/ 48 w 156"/>
                  <a:gd name="T19" fmla="*/ 11 h 308"/>
                  <a:gd name="T20" fmla="*/ 40 w 156"/>
                  <a:gd name="T21" fmla="*/ 23 h 308"/>
                  <a:gd name="T22" fmla="*/ 30 w 156"/>
                  <a:gd name="T23" fmla="*/ 39 h 308"/>
                  <a:gd name="T24" fmla="*/ 21 w 156"/>
                  <a:gd name="T25" fmla="*/ 51 h 308"/>
                  <a:gd name="T26" fmla="*/ 14 w 156"/>
                  <a:gd name="T27" fmla="*/ 65 h 308"/>
                  <a:gd name="T28" fmla="*/ 5 w 156"/>
                  <a:gd name="T29" fmla="*/ 82 h 308"/>
                  <a:gd name="T30" fmla="*/ 0 w 156"/>
                  <a:gd name="T31" fmla="*/ 119 h 308"/>
                  <a:gd name="T32" fmla="*/ 2 w 156"/>
                  <a:gd name="T33" fmla="*/ 147 h 308"/>
                  <a:gd name="T34" fmla="*/ 9 w 156"/>
                  <a:gd name="T35" fmla="*/ 188 h 308"/>
                  <a:gd name="T36" fmla="*/ 21 w 156"/>
                  <a:gd name="T37" fmla="*/ 223 h 308"/>
                  <a:gd name="T38" fmla="*/ 48 w 156"/>
                  <a:gd name="T39" fmla="*/ 307 h 308"/>
                  <a:gd name="T40" fmla="*/ 38 w 156"/>
                  <a:gd name="T41" fmla="*/ 217 h 308"/>
                  <a:gd name="T42" fmla="*/ 32 w 156"/>
                  <a:gd name="T43" fmla="*/ 186 h 308"/>
                  <a:gd name="T44" fmla="*/ 29 w 156"/>
                  <a:gd name="T45" fmla="*/ 159 h 308"/>
                  <a:gd name="T46" fmla="*/ 27 w 156"/>
                  <a:gd name="T47" fmla="*/ 130 h 308"/>
                  <a:gd name="T48" fmla="*/ 30 w 156"/>
                  <a:gd name="T49" fmla="*/ 97 h 308"/>
                  <a:gd name="T50" fmla="*/ 35 w 156"/>
                  <a:gd name="T51" fmla="*/ 73 h 308"/>
                  <a:gd name="T52" fmla="*/ 41 w 156"/>
                  <a:gd name="T53" fmla="*/ 42 h 308"/>
                  <a:gd name="T54" fmla="*/ 53 w 156"/>
                  <a:gd name="T55" fmla="*/ 27 h 308"/>
                  <a:gd name="T56" fmla="*/ 67 w 156"/>
                  <a:gd name="T57" fmla="*/ 21 h 308"/>
                  <a:gd name="T58" fmla="*/ 106 w 156"/>
                  <a:gd name="T59" fmla="*/ 19 h 308"/>
                  <a:gd name="T60" fmla="*/ 129 w 156"/>
                  <a:gd name="T61" fmla="*/ 29 h 308"/>
                  <a:gd name="T62" fmla="*/ 155 w 156"/>
                  <a:gd name="T63" fmla="*/ 51 h 308"/>
                  <a:gd name="T64" fmla="*/ 152 w 156"/>
                  <a:gd name="T65" fmla="*/ 47 h 30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156" h="308">
                    <a:moveTo>
                      <a:pt x="152" y="47"/>
                    </a:moveTo>
                    <a:lnTo>
                      <a:pt x="141" y="27"/>
                    </a:lnTo>
                    <a:lnTo>
                      <a:pt x="136" y="19"/>
                    </a:lnTo>
                    <a:lnTo>
                      <a:pt x="125" y="13"/>
                    </a:lnTo>
                    <a:lnTo>
                      <a:pt x="114" y="7"/>
                    </a:lnTo>
                    <a:lnTo>
                      <a:pt x="100" y="1"/>
                    </a:lnTo>
                    <a:lnTo>
                      <a:pt x="87" y="0"/>
                    </a:lnTo>
                    <a:lnTo>
                      <a:pt x="76" y="2"/>
                    </a:lnTo>
                    <a:lnTo>
                      <a:pt x="63" y="5"/>
                    </a:lnTo>
                    <a:lnTo>
                      <a:pt x="48" y="11"/>
                    </a:lnTo>
                    <a:lnTo>
                      <a:pt x="40" y="23"/>
                    </a:lnTo>
                    <a:lnTo>
                      <a:pt x="30" y="39"/>
                    </a:lnTo>
                    <a:lnTo>
                      <a:pt x="21" y="51"/>
                    </a:lnTo>
                    <a:lnTo>
                      <a:pt x="14" y="65"/>
                    </a:lnTo>
                    <a:lnTo>
                      <a:pt x="5" y="82"/>
                    </a:lnTo>
                    <a:lnTo>
                      <a:pt x="0" y="119"/>
                    </a:lnTo>
                    <a:lnTo>
                      <a:pt x="2" y="147"/>
                    </a:lnTo>
                    <a:lnTo>
                      <a:pt x="9" y="188"/>
                    </a:lnTo>
                    <a:lnTo>
                      <a:pt x="21" y="223"/>
                    </a:lnTo>
                    <a:lnTo>
                      <a:pt x="48" y="307"/>
                    </a:lnTo>
                    <a:lnTo>
                      <a:pt x="38" y="217"/>
                    </a:lnTo>
                    <a:lnTo>
                      <a:pt x="32" y="186"/>
                    </a:lnTo>
                    <a:lnTo>
                      <a:pt x="29" y="159"/>
                    </a:lnTo>
                    <a:lnTo>
                      <a:pt x="27" y="130"/>
                    </a:lnTo>
                    <a:lnTo>
                      <a:pt x="30" y="97"/>
                    </a:lnTo>
                    <a:lnTo>
                      <a:pt x="35" y="73"/>
                    </a:lnTo>
                    <a:lnTo>
                      <a:pt x="41" y="42"/>
                    </a:lnTo>
                    <a:lnTo>
                      <a:pt x="53" y="27"/>
                    </a:lnTo>
                    <a:lnTo>
                      <a:pt x="67" y="21"/>
                    </a:lnTo>
                    <a:lnTo>
                      <a:pt x="106" y="19"/>
                    </a:lnTo>
                    <a:lnTo>
                      <a:pt x="129" y="29"/>
                    </a:lnTo>
                    <a:lnTo>
                      <a:pt x="155" y="51"/>
                    </a:lnTo>
                    <a:lnTo>
                      <a:pt x="152" y="47"/>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4" name="Freeform 59"/>
              <p:cNvSpPr>
                <a:spLocks/>
              </p:cNvSpPr>
              <p:nvPr/>
            </p:nvSpPr>
            <p:spPr bwMode="ltGray">
              <a:xfrm>
                <a:off x="400" y="3502"/>
                <a:ext cx="160" cy="302"/>
              </a:xfrm>
              <a:custGeom>
                <a:avLst/>
                <a:gdLst>
                  <a:gd name="T0" fmla="*/ 46 w 160"/>
                  <a:gd name="T1" fmla="*/ 301 h 302"/>
                  <a:gd name="T2" fmla="*/ 35 w 160"/>
                  <a:gd name="T3" fmla="*/ 249 h 302"/>
                  <a:gd name="T4" fmla="*/ 30 w 160"/>
                  <a:gd name="T5" fmla="*/ 227 h 302"/>
                  <a:gd name="T6" fmla="*/ 19 w 160"/>
                  <a:gd name="T7" fmla="*/ 199 h 302"/>
                  <a:gd name="T8" fmla="*/ 8 w 160"/>
                  <a:gd name="T9" fmla="*/ 174 h 302"/>
                  <a:gd name="T10" fmla="*/ 1 w 160"/>
                  <a:gd name="T11" fmla="*/ 158 h 302"/>
                  <a:gd name="T12" fmla="*/ 0 w 160"/>
                  <a:gd name="T13" fmla="*/ 143 h 302"/>
                  <a:gd name="T14" fmla="*/ 2 w 160"/>
                  <a:gd name="T15" fmla="*/ 120 h 302"/>
                  <a:gd name="T16" fmla="*/ 5 w 160"/>
                  <a:gd name="T17" fmla="*/ 98 h 302"/>
                  <a:gd name="T18" fmla="*/ 21 w 160"/>
                  <a:gd name="T19" fmla="*/ 41 h 302"/>
                  <a:gd name="T20" fmla="*/ 30 w 160"/>
                  <a:gd name="T21" fmla="*/ 27 h 302"/>
                  <a:gd name="T22" fmla="*/ 45 w 160"/>
                  <a:gd name="T23" fmla="*/ 12 h 302"/>
                  <a:gd name="T24" fmla="*/ 57 w 160"/>
                  <a:gd name="T25" fmla="*/ 3 h 302"/>
                  <a:gd name="T26" fmla="*/ 74 w 160"/>
                  <a:gd name="T27" fmla="*/ 0 h 302"/>
                  <a:gd name="T28" fmla="*/ 86 w 160"/>
                  <a:gd name="T29" fmla="*/ 6 h 302"/>
                  <a:gd name="T30" fmla="*/ 103 w 160"/>
                  <a:gd name="T31" fmla="*/ 12 h 302"/>
                  <a:gd name="T32" fmla="*/ 119 w 160"/>
                  <a:gd name="T33" fmla="*/ 30 h 302"/>
                  <a:gd name="T34" fmla="*/ 125 w 160"/>
                  <a:gd name="T35" fmla="*/ 43 h 302"/>
                  <a:gd name="T36" fmla="*/ 135 w 160"/>
                  <a:gd name="T37" fmla="*/ 61 h 302"/>
                  <a:gd name="T38" fmla="*/ 143 w 160"/>
                  <a:gd name="T39" fmla="*/ 76 h 302"/>
                  <a:gd name="T40" fmla="*/ 157 w 160"/>
                  <a:gd name="T41" fmla="*/ 155 h 302"/>
                  <a:gd name="T42" fmla="*/ 159 w 160"/>
                  <a:gd name="T43" fmla="*/ 170 h 302"/>
                  <a:gd name="T44" fmla="*/ 156 w 160"/>
                  <a:gd name="T45" fmla="*/ 197 h 302"/>
                  <a:gd name="T46" fmla="*/ 147 w 160"/>
                  <a:gd name="T47" fmla="*/ 270 h 302"/>
                  <a:gd name="T48" fmla="*/ 148 w 160"/>
                  <a:gd name="T49" fmla="*/ 198 h 302"/>
                  <a:gd name="T50" fmla="*/ 143 w 160"/>
                  <a:gd name="T51" fmla="*/ 166 h 302"/>
                  <a:gd name="T52" fmla="*/ 139 w 160"/>
                  <a:gd name="T53" fmla="*/ 147 h 302"/>
                  <a:gd name="T54" fmla="*/ 133 w 160"/>
                  <a:gd name="T55" fmla="*/ 120 h 302"/>
                  <a:gd name="T56" fmla="*/ 126 w 160"/>
                  <a:gd name="T57" fmla="*/ 94 h 302"/>
                  <a:gd name="T58" fmla="*/ 117 w 160"/>
                  <a:gd name="T59" fmla="*/ 69 h 302"/>
                  <a:gd name="T60" fmla="*/ 106 w 160"/>
                  <a:gd name="T61" fmla="*/ 46 h 302"/>
                  <a:gd name="T62" fmla="*/ 96 w 160"/>
                  <a:gd name="T63" fmla="*/ 24 h 302"/>
                  <a:gd name="T64" fmla="*/ 86 w 160"/>
                  <a:gd name="T65" fmla="*/ 12 h 302"/>
                  <a:gd name="T66" fmla="*/ 75 w 160"/>
                  <a:gd name="T67" fmla="*/ 8 h 302"/>
                  <a:gd name="T68" fmla="*/ 64 w 160"/>
                  <a:gd name="T69" fmla="*/ 12 h 302"/>
                  <a:gd name="T70" fmla="*/ 56 w 160"/>
                  <a:gd name="T71" fmla="*/ 24 h 302"/>
                  <a:gd name="T72" fmla="*/ 51 w 160"/>
                  <a:gd name="T73" fmla="*/ 43 h 302"/>
                  <a:gd name="T74" fmla="*/ 51 w 160"/>
                  <a:gd name="T75" fmla="*/ 57 h 302"/>
                  <a:gd name="T76" fmla="*/ 47 w 160"/>
                  <a:gd name="T77" fmla="*/ 85 h 302"/>
                  <a:gd name="T78" fmla="*/ 43 w 160"/>
                  <a:gd name="T79" fmla="*/ 102 h 302"/>
                  <a:gd name="T80" fmla="*/ 32 w 160"/>
                  <a:gd name="T81" fmla="*/ 129 h 302"/>
                  <a:gd name="T82" fmla="*/ 30 w 160"/>
                  <a:gd name="T83" fmla="*/ 143 h 302"/>
                  <a:gd name="T84" fmla="*/ 28 w 160"/>
                  <a:gd name="T85" fmla="*/ 157 h 302"/>
                  <a:gd name="T86" fmla="*/ 28 w 160"/>
                  <a:gd name="T87" fmla="*/ 177 h 302"/>
                  <a:gd name="T88" fmla="*/ 47 w 160"/>
                  <a:gd name="T89" fmla="*/ 244 h 302"/>
                  <a:gd name="T90" fmla="*/ 46 w 160"/>
                  <a:gd name="T91" fmla="*/ 301 h 3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60" h="302">
                    <a:moveTo>
                      <a:pt x="46" y="301"/>
                    </a:moveTo>
                    <a:lnTo>
                      <a:pt x="35" y="249"/>
                    </a:lnTo>
                    <a:lnTo>
                      <a:pt x="30" y="227"/>
                    </a:lnTo>
                    <a:lnTo>
                      <a:pt x="19" y="199"/>
                    </a:lnTo>
                    <a:lnTo>
                      <a:pt x="8" y="174"/>
                    </a:lnTo>
                    <a:lnTo>
                      <a:pt x="1" y="158"/>
                    </a:lnTo>
                    <a:lnTo>
                      <a:pt x="0" y="143"/>
                    </a:lnTo>
                    <a:lnTo>
                      <a:pt x="2" y="120"/>
                    </a:lnTo>
                    <a:lnTo>
                      <a:pt x="5" y="98"/>
                    </a:lnTo>
                    <a:lnTo>
                      <a:pt x="21" y="41"/>
                    </a:lnTo>
                    <a:lnTo>
                      <a:pt x="30" y="27"/>
                    </a:lnTo>
                    <a:lnTo>
                      <a:pt x="45" y="12"/>
                    </a:lnTo>
                    <a:lnTo>
                      <a:pt x="57" y="3"/>
                    </a:lnTo>
                    <a:lnTo>
                      <a:pt x="74" y="0"/>
                    </a:lnTo>
                    <a:lnTo>
                      <a:pt x="86" y="6"/>
                    </a:lnTo>
                    <a:lnTo>
                      <a:pt x="103" y="12"/>
                    </a:lnTo>
                    <a:lnTo>
                      <a:pt x="119" y="30"/>
                    </a:lnTo>
                    <a:lnTo>
                      <a:pt x="125" y="43"/>
                    </a:lnTo>
                    <a:lnTo>
                      <a:pt x="135" y="61"/>
                    </a:lnTo>
                    <a:lnTo>
                      <a:pt x="143" y="76"/>
                    </a:lnTo>
                    <a:lnTo>
                      <a:pt x="157" y="155"/>
                    </a:lnTo>
                    <a:lnTo>
                      <a:pt x="159" y="170"/>
                    </a:lnTo>
                    <a:lnTo>
                      <a:pt x="156" y="197"/>
                    </a:lnTo>
                    <a:lnTo>
                      <a:pt x="147" y="270"/>
                    </a:lnTo>
                    <a:lnTo>
                      <a:pt x="148" y="198"/>
                    </a:lnTo>
                    <a:lnTo>
                      <a:pt x="143" y="166"/>
                    </a:lnTo>
                    <a:lnTo>
                      <a:pt x="139" y="147"/>
                    </a:lnTo>
                    <a:lnTo>
                      <a:pt x="133" y="120"/>
                    </a:lnTo>
                    <a:lnTo>
                      <a:pt x="126" y="94"/>
                    </a:lnTo>
                    <a:lnTo>
                      <a:pt x="117" y="69"/>
                    </a:lnTo>
                    <a:lnTo>
                      <a:pt x="106" y="46"/>
                    </a:lnTo>
                    <a:lnTo>
                      <a:pt x="96" y="24"/>
                    </a:lnTo>
                    <a:lnTo>
                      <a:pt x="86" y="12"/>
                    </a:lnTo>
                    <a:lnTo>
                      <a:pt x="75" y="8"/>
                    </a:lnTo>
                    <a:lnTo>
                      <a:pt x="64" y="12"/>
                    </a:lnTo>
                    <a:lnTo>
                      <a:pt x="56" y="24"/>
                    </a:lnTo>
                    <a:lnTo>
                      <a:pt x="51" y="43"/>
                    </a:lnTo>
                    <a:lnTo>
                      <a:pt x="51" y="57"/>
                    </a:lnTo>
                    <a:lnTo>
                      <a:pt x="47" y="85"/>
                    </a:lnTo>
                    <a:lnTo>
                      <a:pt x="43" y="102"/>
                    </a:lnTo>
                    <a:lnTo>
                      <a:pt x="32" y="129"/>
                    </a:lnTo>
                    <a:lnTo>
                      <a:pt x="30" y="143"/>
                    </a:lnTo>
                    <a:lnTo>
                      <a:pt x="28" y="157"/>
                    </a:lnTo>
                    <a:lnTo>
                      <a:pt x="28" y="177"/>
                    </a:lnTo>
                    <a:lnTo>
                      <a:pt x="47" y="244"/>
                    </a:lnTo>
                    <a:lnTo>
                      <a:pt x="46" y="30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nvGrpSpPr>
              <p:cNvPr id="75" name="Group 62"/>
              <p:cNvGrpSpPr>
                <a:grpSpLocks/>
              </p:cNvGrpSpPr>
              <p:nvPr/>
            </p:nvGrpSpPr>
            <p:grpSpPr bwMode="auto">
              <a:xfrm>
                <a:off x="487" y="3200"/>
                <a:ext cx="385" cy="440"/>
                <a:chOff x="487" y="3200"/>
                <a:chExt cx="385" cy="440"/>
              </a:xfrm>
            </p:grpSpPr>
            <p:sp>
              <p:nvSpPr>
                <p:cNvPr id="81" name="Freeform 60"/>
                <p:cNvSpPr>
                  <a:spLocks/>
                </p:cNvSpPr>
                <p:nvPr/>
              </p:nvSpPr>
              <p:spPr bwMode="ltGray">
                <a:xfrm>
                  <a:off x="487" y="3200"/>
                  <a:ext cx="212" cy="438"/>
                </a:xfrm>
                <a:custGeom>
                  <a:avLst/>
                  <a:gdLst>
                    <a:gd name="T0" fmla="*/ 198 w 212"/>
                    <a:gd name="T1" fmla="*/ 10 h 438"/>
                    <a:gd name="T2" fmla="*/ 197 w 212"/>
                    <a:gd name="T3" fmla="*/ 0 h 438"/>
                    <a:gd name="T4" fmla="*/ 182 w 212"/>
                    <a:gd name="T5" fmla="*/ 3 h 438"/>
                    <a:gd name="T6" fmla="*/ 173 w 212"/>
                    <a:gd name="T7" fmla="*/ 15 h 438"/>
                    <a:gd name="T8" fmla="*/ 5 w 212"/>
                    <a:gd name="T9" fmla="*/ 95 h 438"/>
                    <a:gd name="T10" fmla="*/ 155 w 212"/>
                    <a:gd name="T11" fmla="*/ 38 h 438"/>
                    <a:gd name="T12" fmla="*/ 157 w 212"/>
                    <a:gd name="T13" fmla="*/ 49 h 438"/>
                    <a:gd name="T14" fmla="*/ 84 w 212"/>
                    <a:gd name="T15" fmla="*/ 118 h 438"/>
                    <a:gd name="T16" fmla="*/ 174 w 212"/>
                    <a:gd name="T17" fmla="*/ 63 h 438"/>
                    <a:gd name="T18" fmla="*/ 162 w 212"/>
                    <a:gd name="T19" fmla="*/ 86 h 438"/>
                    <a:gd name="T20" fmla="*/ 134 w 212"/>
                    <a:gd name="T21" fmla="*/ 123 h 438"/>
                    <a:gd name="T22" fmla="*/ 46 w 212"/>
                    <a:gd name="T23" fmla="*/ 223 h 438"/>
                    <a:gd name="T24" fmla="*/ 49 w 212"/>
                    <a:gd name="T25" fmla="*/ 215 h 438"/>
                    <a:gd name="T26" fmla="*/ 106 w 212"/>
                    <a:gd name="T27" fmla="*/ 153 h 438"/>
                    <a:gd name="T28" fmla="*/ 152 w 212"/>
                    <a:gd name="T29" fmla="*/ 105 h 438"/>
                    <a:gd name="T30" fmla="*/ 173 w 212"/>
                    <a:gd name="T31" fmla="*/ 82 h 438"/>
                    <a:gd name="T32" fmla="*/ 177 w 212"/>
                    <a:gd name="T33" fmla="*/ 90 h 438"/>
                    <a:gd name="T34" fmla="*/ 152 w 212"/>
                    <a:gd name="T35" fmla="*/ 120 h 438"/>
                    <a:gd name="T36" fmla="*/ 117 w 212"/>
                    <a:gd name="T37" fmla="*/ 162 h 438"/>
                    <a:gd name="T38" fmla="*/ 162 w 212"/>
                    <a:gd name="T39" fmla="*/ 105 h 438"/>
                    <a:gd name="T40" fmla="*/ 177 w 212"/>
                    <a:gd name="T41" fmla="*/ 90 h 438"/>
                    <a:gd name="T42" fmla="*/ 178 w 212"/>
                    <a:gd name="T43" fmla="*/ 106 h 438"/>
                    <a:gd name="T44" fmla="*/ 162 w 212"/>
                    <a:gd name="T45" fmla="*/ 135 h 438"/>
                    <a:gd name="T46" fmla="*/ 117 w 212"/>
                    <a:gd name="T47" fmla="*/ 174 h 438"/>
                    <a:gd name="T48" fmla="*/ 77 w 212"/>
                    <a:gd name="T49" fmla="*/ 208 h 438"/>
                    <a:gd name="T50" fmla="*/ 123 w 212"/>
                    <a:gd name="T51" fmla="*/ 172 h 438"/>
                    <a:gd name="T52" fmla="*/ 169 w 212"/>
                    <a:gd name="T53" fmla="*/ 131 h 438"/>
                    <a:gd name="T54" fmla="*/ 168 w 212"/>
                    <a:gd name="T55" fmla="*/ 145 h 438"/>
                    <a:gd name="T56" fmla="*/ 169 w 212"/>
                    <a:gd name="T57" fmla="*/ 169 h 438"/>
                    <a:gd name="T58" fmla="*/ 162 w 212"/>
                    <a:gd name="T59" fmla="*/ 181 h 438"/>
                    <a:gd name="T60" fmla="*/ 124 w 212"/>
                    <a:gd name="T61" fmla="*/ 216 h 438"/>
                    <a:gd name="T62" fmla="*/ 52 w 212"/>
                    <a:gd name="T63" fmla="*/ 272 h 438"/>
                    <a:gd name="T64" fmla="*/ 63 w 212"/>
                    <a:gd name="T65" fmla="*/ 260 h 438"/>
                    <a:gd name="T66" fmla="*/ 152 w 212"/>
                    <a:gd name="T67" fmla="*/ 192 h 438"/>
                    <a:gd name="T68" fmla="*/ 180 w 212"/>
                    <a:gd name="T69" fmla="*/ 163 h 438"/>
                    <a:gd name="T70" fmla="*/ 109 w 212"/>
                    <a:gd name="T71" fmla="*/ 251 h 438"/>
                    <a:gd name="T72" fmla="*/ 179 w 212"/>
                    <a:gd name="T73" fmla="*/ 189 h 438"/>
                    <a:gd name="T74" fmla="*/ 177 w 212"/>
                    <a:gd name="T75" fmla="*/ 214 h 438"/>
                    <a:gd name="T76" fmla="*/ 142 w 212"/>
                    <a:gd name="T77" fmla="*/ 272 h 438"/>
                    <a:gd name="T78" fmla="*/ 81 w 212"/>
                    <a:gd name="T79" fmla="*/ 314 h 438"/>
                    <a:gd name="T80" fmla="*/ 24 w 212"/>
                    <a:gd name="T81" fmla="*/ 352 h 438"/>
                    <a:gd name="T82" fmla="*/ 109 w 212"/>
                    <a:gd name="T83" fmla="*/ 299 h 438"/>
                    <a:gd name="T84" fmla="*/ 145 w 212"/>
                    <a:gd name="T85" fmla="*/ 268 h 438"/>
                    <a:gd name="T86" fmla="*/ 177 w 212"/>
                    <a:gd name="T87" fmla="*/ 223 h 438"/>
                    <a:gd name="T88" fmla="*/ 173 w 212"/>
                    <a:gd name="T89" fmla="*/ 244 h 438"/>
                    <a:gd name="T90" fmla="*/ 171 w 212"/>
                    <a:gd name="T91" fmla="*/ 264 h 438"/>
                    <a:gd name="T92" fmla="*/ 173 w 212"/>
                    <a:gd name="T93" fmla="*/ 283 h 438"/>
                    <a:gd name="T94" fmla="*/ 142 w 212"/>
                    <a:gd name="T95" fmla="*/ 322 h 438"/>
                    <a:gd name="T96" fmla="*/ 83 w 212"/>
                    <a:gd name="T97" fmla="*/ 356 h 438"/>
                    <a:gd name="T98" fmla="*/ 87 w 212"/>
                    <a:gd name="T99" fmla="*/ 353 h 438"/>
                    <a:gd name="T100" fmla="*/ 159 w 212"/>
                    <a:gd name="T101" fmla="*/ 306 h 438"/>
                    <a:gd name="T102" fmla="*/ 156 w 212"/>
                    <a:gd name="T103" fmla="*/ 318 h 438"/>
                    <a:gd name="T104" fmla="*/ 159 w 212"/>
                    <a:gd name="T105" fmla="*/ 325 h 438"/>
                    <a:gd name="T106" fmla="*/ 162 w 212"/>
                    <a:gd name="T107" fmla="*/ 336 h 438"/>
                    <a:gd name="T108" fmla="*/ 127 w 212"/>
                    <a:gd name="T109" fmla="*/ 371 h 438"/>
                    <a:gd name="T110" fmla="*/ 87 w 212"/>
                    <a:gd name="T111" fmla="*/ 379 h 438"/>
                    <a:gd name="T112" fmla="*/ 159 w 212"/>
                    <a:gd name="T113" fmla="*/ 348 h 438"/>
                    <a:gd name="T114" fmla="*/ 156 w 212"/>
                    <a:gd name="T115" fmla="*/ 365 h 438"/>
                    <a:gd name="T116" fmla="*/ 160 w 212"/>
                    <a:gd name="T117" fmla="*/ 375 h 438"/>
                    <a:gd name="T118" fmla="*/ 77 w 212"/>
                    <a:gd name="T119" fmla="*/ 437 h 438"/>
                    <a:gd name="T120" fmla="*/ 156 w 212"/>
                    <a:gd name="T121" fmla="*/ 390 h 438"/>
                    <a:gd name="T122" fmla="*/ 172 w 212"/>
                    <a:gd name="T123" fmla="*/ 373 h 438"/>
                    <a:gd name="T124" fmla="*/ 183 w 212"/>
                    <a:gd name="T125" fmla="*/ 357 h 43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12" h="438">
                      <a:moveTo>
                        <a:pt x="195" y="33"/>
                      </a:moveTo>
                      <a:lnTo>
                        <a:pt x="198" y="10"/>
                      </a:lnTo>
                      <a:lnTo>
                        <a:pt x="211" y="8"/>
                      </a:lnTo>
                      <a:lnTo>
                        <a:pt x="197" y="0"/>
                      </a:lnTo>
                      <a:lnTo>
                        <a:pt x="191" y="0"/>
                      </a:lnTo>
                      <a:lnTo>
                        <a:pt x="182" y="3"/>
                      </a:lnTo>
                      <a:lnTo>
                        <a:pt x="181" y="10"/>
                      </a:lnTo>
                      <a:lnTo>
                        <a:pt x="173" y="15"/>
                      </a:lnTo>
                      <a:lnTo>
                        <a:pt x="102" y="78"/>
                      </a:lnTo>
                      <a:lnTo>
                        <a:pt x="5" y="95"/>
                      </a:lnTo>
                      <a:lnTo>
                        <a:pt x="101" y="77"/>
                      </a:lnTo>
                      <a:lnTo>
                        <a:pt x="155" y="38"/>
                      </a:lnTo>
                      <a:lnTo>
                        <a:pt x="173" y="32"/>
                      </a:lnTo>
                      <a:lnTo>
                        <a:pt x="157" y="49"/>
                      </a:lnTo>
                      <a:lnTo>
                        <a:pt x="173" y="51"/>
                      </a:lnTo>
                      <a:lnTo>
                        <a:pt x="84" y="118"/>
                      </a:lnTo>
                      <a:lnTo>
                        <a:pt x="145" y="76"/>
                      </a:lnTo>
                      <a:lnTo>
                        <a:pt x="174" y="63"/>
                      </a:lnTo>
                      <a:lnTo>
                        <a:pt x="173" y="73"/>
                      </a:lnTo>
                      <a:lnTo>
                        <a:pt x="162" y="86"/>
                      </a:lnTo>
                      <a:lnTo>
                        <a:pt x="155" y="98"/>
                      </a:lnTo>
                      <a:lnTo>
                        <a:pt x="134" y="123"/>
                      </a:lnTo>
                      <a:lnTo>
                        <a:pt x="95" y="169"/>
                      </a:lnTo>
                      <a:lnTo>
                        <a:pt x="46" y="223"/>
                      </a:lnTo>
                      <a:lnTo>
                        <a:pt x="6" y="260"/>
                      </a:lnTo>
                      <a:lnTo>
                        <a:pt x="49" y="215"/>
                      </a:lnTo>
                      <a:lnTo>
                        <a:pt x="74" y="188"/>
                      </a:lnTo>
                      <a:lnTo>
                        <a:pt x="106" y="153"/>
                      </a:lnTo>
                      <a:lnTo>
                        <a:pt x="123" y="131"/>
                      </a:lnTo>
                      <a:lnTo>
                        <a:pt x="152" y="105"/>
                      </a:lnTo>
                      <a:lnTo>
                        <a:pt x="162" y="93"/>
                      </a:lnTo>
                      <a:lnTo>
                        <a:pt x="173" y="82"/>
                      </a:lnTo>
                      <a:lnTo>
                        <a:pt x="167" y="83"/>
                      </a:lnTo>
                      <a:lnTo>
                        <a:pt x="177" y="90"/>
                      </a:lnTo>
                      <a:lnTo>
                        <a:pt x="167" y="98"/>
                      </a:lnTo>
                      <a:lnTo>
                        <a:pt x="152" y="120"/>
                      </a:lnTo>
                      <a:lnTo>
                        <a:pt x="135" y="144"/>
                      </a:lnTo>
                      <a:lnTo>
                        <a:pt x="117" y="162"/>
                      </a:lnTo>
                      <a:lnTo>
                        <a:pt x="148" y="123"/>
                      </a:lnTo>
                      <a:lnTo>
                        <a:pt x="162" y="105"/>
                      </a:lnTo>
                      <a:lnTo>
                        <a:pt x="173" y="90"/>
                      </a:lnTo>
                      <a:lnTo>
                        <a:pt x="177" y="90"/>
                      </a:lnTo>
                      <a:lnTo>
                        <a:pt x="169" y="112"/>
                      </a:lnTo>
                      <a:lnTo>
                        <a:pt x="178" y="106"/>
                      </a:lnTo>
                      <a:lnTo>
                        <a:pt x="173" y="120"/>
                      </a:lnTo>
                      <a:lnTo>
                        <a:pt x="162" y="135"/>
                      </a:lnTo>
                      <a:lnTo>
                        <a:pt x="142" y="158"/>
                      </a:lnTo>
                      <a:lnTo>
                        <a:pt x="117" y="174"/>
                      </a:lnTo>
                      <a:lnTo>
                        <a:pt x="95" y="192"/>
                      </a:lnTo>
                      <a:lnTo>
                        <a:pt x="77" y="208"/>
                      </a:lnTo>
                      <a:lnTo>
                        <a:pt x="87" y="200"/>
                      </a:lnTo>
                      <a:lnTo>
                        <a:pt x="123" y="172"/>
                      </a:lnTo>
                      <a:lnTo>
                        <a:pt x="162" y="139"/>
                      </a:lnTo>
                      <a:lnTo>
                        <a:pt x="169" y="131"/>
                      </a:lnTo>
                      <a:lnTo>
                        <a:pt x="177" y="120"/>
                      </a:lnTo>
                      <a:lnTo>
                        <a:pt x="168" y="145"/>
                      </a:lnTo>
                      <a:lnTo>
                        <a:pt x="183" y="136"/>
                      </a:lnTo>
                      <a:lnTo>
                        <a:pt x="169" y="169"/>
                      </a:lnTo>
                      <a:lnTo>
                        <a:pt x="167" y="177"/>
                      </a:lnTo>
                      <a:lnTo>
                        <a:pt x="162" y="181"/>
                      </a:lnTo>
                      <a:lnTo>
                        <a:pt x="144" y="199"/>
                      </a:lnTo>
                      <a:lnTo>
                        <a:pt x="124" y="216"/>
                      </a:lnTo>
                      <a:lnTo>
                        <a:pt x="87" y="245"/>
                      </a:lnTo>
                      <a:lnTo>
                        <a:pt x="52" y="272"/>
                      </a:lnTo>
                      <a:lnTo>
                        <a:pt x="0" y="310"/>
                      </a:lnTo>
                      <a:lnTo>
                        <a:pt x="63" y="260"/>
                      </a:lnTo>
                      <a:lnTo>
                        <a:pt x="127" y="211"/>
                      </a:lnTo>
                      <a:lnTo>
                        <a:pt x="152" y="192"/>
                      </a:lnTo>
                      <a:lnTo>
                        <a:pt x="167" y="172"/>
                      </a:lnTo>
                      <a:lnTo>
                        <a:pt x="180" y="163"/>
                      </a:lnTo>
                      <a:lnTo>
                        <a:pt x="183" y="164"/>
                      </a:lnTo>
                      <a:lnTo>
                        <a:pt x="109" y="251"/>
                      </a:lnTo>
                      <a:lnTo>
                        <a:pt x="165" y="191"/>
                      </a:lnTo>
                      <a:lnTo>
                        <a:pt x="179" y="189"/>
                      </a:lnTo>
                      <a:lnTo>
                        <a:pt x="163" y="221"/>
                      </a:lnTo>
                      <a:lnTo>
                        <a:pt x="177" y="214"/>
                      </a:lnTo>
                      <a:lnTo>
                        <a:pt x="156" y="249"/>
                      </a:lnTo>
                      <a:lnTo>
                        <a:pt x="142" y="272"/>
                      </a:lnTo>
                      <a:lnTo>
                        <a:pt x="117" y="291"/>
                      </a:lnTo>
                      <a:lnTo>
                        <a:pt x="81" y="314"/>
                      </a:lnTo>
                      <a:lnTo>
                        <a:pt x="49" y="336"/>
                      </a:lnTo>
                      <a:lnTo>
                        <a:pt x="24" y="352"/>
                      </a:lnTo>
                      <a:lnTo>
                        <a:pt x="6" y="360"/>
                      </a:lnTo>
                      <a:lnTo>
                        <a:pt x="109" y="299"/>
                      </a:lnTo>
                      <a:lnTo>
                        <a:pt x="134" y="281"/>
                      </a:lnTo>
                      <a:lnTo>
                        <a:pt x="145" y="268"/>
                      </a:lnTo>
                      <a:lnTo>
                        <a:pt x="161" y="245"/>
                      </a:lnTo>
                      <a:lnTo>
                        <a:pt x="177" y="223"/>
                      </a:lnTo>
                      <a:lnTo>
                        <a:pt x="160" y="255"/>
                      </a:lnTo>
                      <a:lnTo>
                        <a:pt x="173" y="244"/>
                      </a:lnTo>
                      <a:lnTo>
                        <a:pt x="159" y="269"/>
                      </a:lnTo>
                      <a:lnTo>
                        <a:pt x="171" y="264"/>
                      </a:lnTo>
                      <a:lnTo>
                        <a:pt x="158" y="294"/>
                      </a:lnTo>
                      <a:lnTo>
                        <a:pt x="173" y="283"/>
                      </a:lnTo>
                      <a:lnTo>
                        <a:pt x="159" y="299"/>
                      </a:lnTo>
                      <a:lnTo>
                        <a:pt x="142" y="322"/>
                      </a:lnTo>
                      <a:lnTo>
                        <a:pt x="127" y="328"/>
                      </a:lnTo>
                      <a:lnTo>
                        <a:pt x="83" y="356"/>
                      </a:lnTo>
                      <a:lnTo>
                        <a:pt x="42" y="371"/>
                      </a:lnTo>
                      <a:lnTo>
                        <a:pt x="87" y="353"/>
                      </a:lnTo>
                      <a:lnTo>
                        <a:pt x="123" y="329"/>
                      </a:lnTo>
                      <a:lnTo>
                        <a:pt x="159" y="306"/>
                      </a:lnTo>
                      <a:lnTo>
                        <a:pt x="169" y="295"/>
                      </a:lnTo>
                      <a:lnTo>
                        <a:pt x="156" y="318"/>
                      </a:lnTo>
                      <a:lnTo>
                        <a:pt x="167" y="314"/>
                      </a:lnTo>
                      <a:lnTo>
                        <a:pt x="159" y="325"/>
                      </a:lnTo>
                      <a:lnTo>
                        <a:pt x="156" y="341"/>
                      </a:lnTo>
                      <a:lnTo>
                        <a:pt x="162" y="336"/>
                      </a:lnTo>
                      <a:lnTo>
                        <a:pt x="154" y="349"/>
                      </a:lnTo>
                      <a:lnTo>
                        <a:pt x="127" y="371"/>
                      </a:lnTo>
                      <a:lnTo>
                        <a:pt x="109" y="374"/>
                      </a:lnTo>
                      <a:lnTo>
                        <a:pt x="87" y="379"/>
                      </a:lnTo>
                      <a:lnTo>
                        <a:pt x="131" y="367"/>
                      </a:lnTo>
                      <a:lnTo>
                        <a:pt x="159" y="348"/>
                      </a:lnTo>
                      <a:lnTo>
                        <a:pt x="167" y="333"/>
                      </a:lnTo>
                      <a:lnTo>
                        <a:pt x="156" y="365"/>
                      </a:lnTo>
                      <a:lnTo>
                        <a:pt x="167" y="357"/>
                      </a:lnTo>
                      <a:lnTo>
                        <a:pt x="160" y="375"/>
                      </a:lnTo>
                      <a:lnTo>
                        <a:pt x="148" y="399"/>
                      </a:lnTo>
                      <a:lnTo>
                        <a:pt x="77" y="437"/>
                      </a:lnTo>
                      <a:lnTo>
                        <a:pt x="149" y="402"/>
                      </a:lnTo>
                      <a:lnTo>
                        <a:pt x="156" y="390"/>
                      </a:lnTo>
                      <a:lnTo>
                        <a:pt x="160" y="382"/>
                      </a:lnTo>
                      <a:lnTo>
                        <a:pt x="172" y="373"/>
                      </a:lnTo>
                      <a:lnTo>
                        <a:pt x="180" y="390"/>
                      </a:lnTo>
                      <a:lnTo>
                        <a:pt x="183" y="357"/>
                      </a:lnTo>
                      <a:lnTo>
                        <a:pt x="195" y="33"/>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82" name="Freeform 61"/>
                <p:cNvSpPr>
                  <a:spLocks/>
                </p:cNvSpPr>
                <p:nvPr/>
              </p:nvSpPr>
              <p:spPr bwMode="ltGray">
                <a:xfrm>
                  <a:off x="667" y="3200"/>
                  <a:ext cx="205" cy="440"/>
                </a:xfrm>
                <a:custGeom>
                  <a:avLst/>
                  <a:gdLst>
                    <a:gd name="T0" fmla="*/ 1 w 205"/>
                    <a:gd name="T1" fmla="*/ 362 h 440"/>
                    <a:gd name="T2" fmla="*/ 8 w 205"/>
                    <a:gd name="T3" fmla="*/ 347 h 440"/>
                    <a:gd name="T4" fmla="*/ 58 w 205"/>
                    <a:gd name="T5" fmla="*/ 439 h 440"/>
                    <a:gd name="T6" fmla="*/ 18 w 205"/>
                    <a:gd name="T7" fmla="*/ 350 h 440"/>
                    <a:gd name="T8" fmla="*/ 22 w 205"/>
                    <a:gd name="T9" fmla="*/ 340 h 440"/>
                    <a:gd name="T10" fmla="*/ 72 w 205"/>
                    <a:gd name="T11" fmla="*/ 405 h 440"/>
                    <a:gd name="T12" fmla="*/ 21 w 205"/>
                    <a:gd name="T13" fmla="*/ 336 h 440"/>
                    <a:gd name="T14" fmla="*/ 27 w 205"/>
                    <a:gd name="T15" fmla="*/ 321 h 440"/>
                    <a:gd name="T16" fmla="*/ 33 w 205"/>
                    <a:gd name="T17" fmla="*/ 305 h 440"/>
                    <a:gd name="T18" fmla="*/ 29 w 205"/>
                    <a:gd name="T19" fmla="*/ 294 h 440"/>
                    <a:gd name="T20" fmla="*/ 37 w 205"/>
                    <a:gd name="T21" fmla="*/ 288 h 440"/>
                    <a:gd name="T22" fmla="*/ 33 w 205"/>
                    <a:gd name="T23" fmla="*/ 287 h 440"/>
                    <a:gd name="T24" fmla="*/ 33 w 205"/>
                    <a:gd name="T25" fmla="*/ 272 h 440"/>
                    <a:gd name="T26" fmla="*/ 37 w 205"/>
                    <a:gd name="T27" fmla="*/ 260 h 440"/>
                    <a:gd name="T28" fmla="*/ 96 w 205"/>
                    <a:gd name="T29" fmla="*/ 337 h 440"/>
                    <a:gd name="T30" fmla="*/ 33 w 205"/>
                    <a:gd name="T31" fmla="*/ 256 h 440"/>
                    <a:gd name="T32" fmla="*/ 40 w 205"/>
                    <a:gd name="T33" fmla="*/ 256 h 440"/>
                    <a:gd name="T34" fmla="*/ 40 w 205"/>
                    <a:gd name="T35" fmla="*/ 233 h 440"/>
                    <a:gd name="T36" fmla="*/ 116 w 205"/>
                    <a:gd name="T37" fmla="*/ 287 h 440"/>
                    <a:gd name="T38" fmla="*/ 56 w 205"/>
                    <a:gd name="T39" fmla="*/ 250 h 440"/>
                    <a:gd name="T40" fmla="*/ 34 w 205"/>
                    <a:gd name="T41" fmla="*/ 218 h 440"/>
                    <a:gd name="T42" fmla="*/ 37 w 205"/>
                    <a:gd name="T43" fmla="*/ 207 h 440"/>
                    <a:gd name="T44" fmla="*/ 50 w 205"/>
                    <a:gd name="T45" fmla="*/ 217 h 440"/>
                    <a:gd name="T46" fmla="*/ 51 w 205"/>
                    <a:gd name="T47" fmla="*/ 203 h 440"/>
                    <a:gd name="T48" fmla="*/ 107 w 205"/>
                    <a:gd name="T49" fmla="*/ 226 h 440"/>
                    <a:gd name="T50" fmla="*/ 86 w 205"/>
                    <a:gd name="T51" fmla="*/ 215 h 440"/>
                    <a:gd name="T52" fmla="*/ 42 w 205"/>
                    <a:gd name="T53" fmla="*/ 185 h 440"/>
                    <a:gd name="T54" fmla="*/ 40 w 205"/>
                    <a:gd name="T55" fmla="*/ 164 h 440"/>
                    <a:gd name="T56" fmla="*/ 44 w 205"/>
                    <a:gd name="T57" fmla="*/ 152 h 440"/>
                    <a:gd name="T58" fmla="*/ 59 w 205"/>
                    <a:gd name="T59" fmla="*/ 161 h 440"/>
                    <a:gd name="T60" fmla="*/ 56 w 205"/>
                    <a:gd name="T61" fmla="*/ 141 h 440"/>
                    <a:gd name="T62" fmla="*/ 51 w 205"/>
                    <a:gd name="T63" fmla="*/ 127 h 440"/>
                    <a:gd name="T64" fmla="*/ 54 w 205"/>
                    <a:gd name="T65" fmla="*/ 119 h 440"/>
                    <a:gd name="T66" fmla="*/ 113 w 205"/>
                    <a:gd name="T67" fmla="*/ 156 h 440"/>
                    <a:gd name="T68" fmla="*/ 182 w 205"/>
                    <a:gd name="T69" fmla="*/ 185 h 440"/>
                    <a:gd name="T70" fmla="*/ 86 w 205"/>
                    <a:gd name="T71" fmla="*/ 139 h 440"/>
                    <a:gd name="T72" fmla="*/ 54 w 205"/>
                    <a:gd name="T73" fmla="*/ 119 h 440"/>
                    <a:gd name="T74" fmla="*/ 58 w 205"/>
                    <a:gd name="T75" fmla="*/ 108 h 440"/>
                    <a:gd name="T76" fmla="*/ 53 w 205"/>
                    <a:gd name="T77" fmla="*/ 84 h 440"/>
                    <a:gd name="T78" fmla="*/ 54 w 205"/>
                    <a:gd name="T79" fmla="*/ 67 h 440"/>
                    <a:gd name="T80" fmla="*/ 86 w 205"/>
                    <a:gd name="T81" fmla="*/ 87 h 440"/>
                    <a:gd name="T82" fmla="*/ 79 w 205"/>
                    <a:gd name="T83" fmla="*/ 81 h 440"/>
                    <a:gd name="T84" fmla="*/ 58 w 205"/>
                    <a:gd name="T85" fmla="*/ 67 h 440"/>
                    <a:gd name="T86" fmla="*/ 54 w 205"/>
                    <a:gd name="T87" fmla="*/ 59 h 440"/>
                    <a:gd name="T88" fmla="*/ 44 w 205"/>
                    <a:gd name="T89" fmla="*/ 48 h 440"/>
                    <a:gd name="T90" fmla="*/ 107 w 205"/>
                    <a:gd name="T91" fmla="*/ 68 h 440"/>
                    <a:gd name="T92" fmla="*/ 44 w 205"/>
                    <a:gd name="T93" fmla="*/ 32 h 440"/>
                    <a:gd name="T94" fmla="*/ 118 w 205"/>
                    <a:gd name="T95" fmla="*/ 32 h 440"/>
                    <a:gd name="T96" fmla="*/ 150 w 205"/>
                    <a:gd name="T97" fmla="*/ 28 h 440"/>
                    <a:gd name="T98" fmla="*/ 54 w 205"/>
                    <a:gd name="T99" fmla="*/ 32 h 440"/>
                    <a:gd name="T100" fmla="*/ 40 w 205"/>
                    <a:gd name="T101" fmla="*/ 13 h 440"/>
                    <a:gd name="T102" fmla="*/ 19 w 205"/>
                    <a:gd name="T103" fmla="*/ 5 h 440"/>
                    <a:gd name="T104" fmla="*/ 0 w 205"/>
                    <a:gd name="T105" fmla="*/ 381 h 44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05" h="440">
                      <a:moveTo>
                        <a:pt x="0" y="381"/>
                      </a:moveTo>
                      <a:lnTo>
                        <a:pt x="1" y="362"/>
                      </a:lnTo>
                      <a:lnTo>
                        <a:pt x="12" y="373"/>
                      </a:lnTo>
                      <a:lnTo>
                        <a:pt x="8" y="347"/>
                      </a:lnTo>
                      <a:lnTo>
                        <a:pt x="19" y="351"/>
                      </a:lnTo>
                      <a:lnTo>
                        <a:pt x="58" y="439"/>
                      </a:lnTo>
                      <a:lnTo>
                        <a:pt x="22" y="362"/>
                      </a:lnTo>
                      <a:lnTo>
                        <a:pt x="18" y="350"/>
                      </a:lnTo>
                      <a:lnTo>
                        <a:pt x="15" y="337"/>
                      </a:lnTo>
                      <a:lnTo>
                        <a:pt x="22" y="340"/>
                      </a:lnTo>
                      <a:lnTo>
                        <a:pt x="45" y="365"/>
                      </a:lnTo>
                      <a:lnTo>
                        <a:pt x="72" y="405"/>
                      </a:lnTo>
                      <a:lnTo>
                        <a:pt x="33" y="351"/>
                      </a:lnTo>
                      <a:lnTo>
                        <a:pt x="21" y="336"/>
                      </a:lnTo>
                      <a:lnTo>
                        <a:pt x="19" y="315"/>
                      </a:lnTo>
                      <a:lnTo>
                        <a:pt x="27" y="321"/>
                      </a:lnTo>
                      <a:lnTo>
                        <a:pt x="26" y="298"/>
                      </a:lnTo>
                      <a:lnTo>
                        <a:pt x="33" y="305"/>
                      </a:lnTo>
                      <a:lnTo>
                        <a:pt x="69" y="385"/>
                      </a:lnTo>
                      <a:lnTo>
                        <a:pt x="29" y="294"/>
                      </a:lnTo>
                      <a:lnTo>
                        <a:pt x="26" y="279"/>
                      </a:lnTo>
                      <a:lnTo>
                        <a:pt x="37" y="288"/>
                      </a:lnTo>
                      <a:lnTo>
                        <a:pt x="65" y="332"/>
                      </a:lnTo>
                      <a:lnTo>
                        <a:pt x="33" y="287"/>
                      </a:lnTo>
                      <a:lnTo>
                        <a:pt x="22" y="264"/>
                      </a:lnTo>
                      <a:lnTo>
                        <a:pt x="33" y="272"/>
                      </a:lnTo>
                      <a:lnTo>
                        <a:pt x="26" y="256"/>
                      </a:lnTo>
                      <a:lnTo>
                        <a:pt x="37" y="260"/>
                      </a:lnTo>
                      <a:lnTo>
                        <a:pt x="47" y="287"/>
                      </a:lnTo>
                      <a:lnTo>
                        <a:pt x="96" y="337"/>
                      </a:lnTo>
                      <a:lnTo>
                        <a:pt x="44" y="279"/>
                      </a:lnTo>
                      <a:lnTo>
                        <a:pt x="33" y="256"/>
                      </a:lnTo>
                      <a:lnTo>
                        <a:pt x="29" y="245"/>
                      </a:lnTo>
                      <a:lnTo>
                        <a:pt x="40" y="256"/>
                      </a:lnTo>
                      <a:lnTo>
                        <a:pt x="33" y="230"/>
                      </a:lnTo>
                      <a:lnTo>
                        <a:pt x="40" y="233"/>
                      </a:lnTo>
                      <a:lnTo>
                        <a:pt x="45" y="246"/>
                      </a:lnTo>
                      <a:lnTo>
                        <a:pt x="116" y="287"/>
                      </a:lnTo>
                      <a:lnTo>
                        <a:pt x="78" y="263"/>
                      </a:lnTo>
                      <a:lnTo>
                        <a:pt x="56" y="250"/>
                      </a:lnTo>
                      <a:lnTo>
                        <a:pt x="50" y="245"/>
                      </a:lnTo>
                      <a:lnTo>
                        <a:pt x="34" y="218"/>
                      </a:lnTo>
                      <a:lnTo>
                        <a:pt x="40" y="223"/>
                      </a:lnTo>
                      <a:lnTo>
                        <a:pt x="37" y="207"/>
                      </a:lnTo>
                      <a:lnTo>
                        <a:pt x="35" y="209"/>
                      </a:lnTo>
                      <a:lnTo>
                        <a:pt x="50" y="217"/>
                      </a:lnTo>
                      <a:lnTo>
                        <a:pt x="40" y="199"/>
                      </a:lnTo>
                      <a:lnTo>
                        <a:pt x="51" y="203"/>
                      </a:lnTo>
                      <a:lnTo>
                        <a:pt x="77" y="211"/>
                      </a:lnTo>
                      <a:lnTo>
                        <a:pt x="107" y="226"/>
                      </a:lnTo>
                      <a:lnTo>
                        <a:pt x="179" y="283"/>
                      </a:lnTo>
                      <a:lnTo>
                        <a:pt x="86" y="215"/>
                      </a:lnTo>
                      <a:lnTo>
                        <a:pt x="51" y="199"/>
                      </a:lnTo>
                      <a:lnTo>
                        <a:pt x="42" y="185"/>
                      </a:lnTo>
                      <a:lnTo>
                        <a:pt x="56" y="192"/>
                      </a:lnTo>
                      <a:lnTo>
                        <a:pt x="40" y="164"/>
                      </a:lnTo>
                      <a:lnTo>
                        <a:pt x="51" y="166"/>
                      </a:lnTo>
                      <a:lnTo>
                        <a:pt x="44" y="152"/>
                      </a:lnTo>
                      <a:lnTo>
                        <a:pt x="45" y="149"/>
                      </a:lnTo>
                      <a:lnTo>
                        <a:pt x="59" y="161"/>
                      </a:lnTo>
                      <a:lnTo>
                        <a:pt x="45" y="141"/>
                      </a:lnTo>
                      <a:lnTo>
                        <a:pt x="56" y="141"/>
                      </a:lnTo>
                      <a:lnTo>
                        <a:pt x="44" y="127"/>
                      </a:lnTo>
                      <a:lnTo>
                        <a:pt x="51" y="127"/>
                      </a:lnTo>
                      <a:lnTo>
                        <a:pt x="44" y="119"/>
                      </a:lnTo>
                      <a:lnTo>
                        <a:pt x="54" y="119"/>
                      </a:lnTo>
                      <a:lnTo>
                        <a:pt x="77" y="136"/>
                      </a:lnTo>
                      <a:lnTo>
                        <a:pt x="113" y="156"/>
                      </a:lnTo>
                      <a:lnTo>
                        <a:pt x="150" y="173"/>
                      </a:lnTo>
                      <a:lnTo>
                        <a:pt x="182" y="185"/>
                      </a:lnTo>
                      <a:lnTo>
                        <a:pt x="104" y="149"/>
                      </a:lnTo>
                      <a:lnTo>
                        <a:pt x="86" y="139"/>
                      </a:lnTo>
                      <a:lnTo>
                        <a:pt x="59" y="124"/>
                      </a:lnTo>
                      <a:lnTo>
                        <a:pt x="54" y="119"/>
                      </a:lnTo>
                      <a:lnTo>
                        <a:pt x="47" y="104"/>
                      </a:lnTo>
                      <a:lnTo>
                        <a:pt x="58" y="108"/>
                      </a:lnTo>
                      <a:lnTo>
                        <a:pt x="45" y="84"/>
                      </a:lnTo>
                      <a:lnTo>
                        <a:pt x="53" y="84"/>
                      </a:lnTo>
                      <a:lnTo>
                        <a:pt x="44" y="67"/>
                      </a:lnTo>
                      <a:lnTo>
                        <a:pt x="54" y="67"/>
                      </a:lnTo>
                      <a:lnTo>
                        <a:pt x="61" y="75"/>
                      </a:lnTo>
                      <a:lnTo>
                        <a:pt x="86" y="87"/>
                      </a:lnTo>
                      <a:lnTo>
                        <a:pt x="158" y="116"/>
                      </a:lnTo>
                      <a:lnTo>
                        <a:pt x="79" y="81"/>
                      </a:lnTo>
                      <a:lnTo>
                        <a:pt x="61" y="73"/>
                      </a:lnTo>
                      <a:lnTo>
                        <a:pt x="58" y="67"/>
                      </a:lnTo>
                      <a:lnTo>
                        <a:pt x="47" y="55"/>
                      </a:lnTo>
                      <a:lnTo>
                        <a:pt x="54" y="59"/>
                      </a:lnTo>
                      <a:lnTo>
                        <a:pt x="37" y="43"/>
                      </a:lnTo>
                      <a:lnTo>
                        <a:pt x="44" y="48"/>
                      </a:lnTo>
                      <a:lnTo>
                        <a:pt x="60" y="47"/>
                      </a:lnTo>
                      <a:lnTo>
                        <a:pt x="107" y="68"/>
                      </a:lnTo>
                      <a:lnTo>
                        <a:pt x="58" y="48"/>
                      </a:lnTo>
                      <a:lnTo>
                        <a:pt x="44" y="32"/>
                      </a:lnTo>
                      <a:lnTo>
                        <a:pt x="58" y="32"/>
                      </a:lnTo>
                      <a:lnTo>
                        <a:pt x="118" y="32"/>
                      </a:lnTo>
                      <a:lnTo>
                        <a:pt x="204" y="16"/>
                      </a:lnTo>
                      <a:lnTo>
                        <a:pt x="150" y="28"/>
                      </a:lnTo>
                      <a:lnTo>
                        <a:pt x="76" y="35"/>
                      </a:lnTo>
                      <a:lnTo>
                        <a:pt x="54" y="32"/>
                      </a:lnTo>
                      <a:lnTo>
                        <a:pt x="47" y="24"/>
                      </a:lnTo>
                      <a:lnTo>
                        <a:pt x="40" y="13"/>
                      </a:lnTo>
                      <a:lnTo>
                        <a:pt x="24" y="0"/>
                      </a:lnTo>
                      <a:lnTo>
                        <a:pt x="19" y="5"/>
                      </a:lnTo>
                      <a:lnTo>
                        <a:pt x="15" y="1"/>
                      </a:lnTo>
                      <a:lnTo>
                        <a:pt x="0" y="38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76" name="Freeform 63"/>
              <p:cNvSpPr>
                <a:spLocks/>
              </p:cNvSpPr>
              <p:nvPr/>
            </p:nvSpPr>
            <p:spPr bwMode="ltGray">
              <a:xfrm>
                <a:off x="670" y="3640"/>
                <a:ext cx="52" cy="336"/>
              </a:xfrm>
              <a:custGeom>
                <a:avLst/>
                <a:gdLst>
                  <a:gd name="T0" fmla="*/ 10 w 52"/>
                  <a:gd name="T1" fmla="*/ 0 h 336"/>
                  <a:gd name="T2" fmla="*/ 20 w 52"/>
                  <a:gd name="T3" fmla="*/ 25 h 336"/>
                  <a:gd name="T4" fmla="*/ 30 w 52"/>
                  <a:gd name="T5" fmla="*/ 65 h 336"/>
                  <a:gd name="T6" fmla="*/ 40 w 52"/>
                  <a:gd name="T7" fmla="*/ 122 h 336"/>
                  <a:gd name="T8" fmla="*/ 51 w 52"/>
                  <a:gd name="T9" fmla="*/ 193 h 336"/>
                  <a:gd name="T10" fmla="*/ 51 w 52"/>
                  <a:gd name="T11" fmla="*/ 269 h 336"/>
                  <a:gd name="T12" fmla="*/ 45 w 52"/>
                  <a:gd name="T13" fmla="*/ 335 h 336"/>
                  <a:gd name="T14" fmla="*/ 40 w 52"/>
                  <a:gd name="T15" fmla="*/ 335 h 336"/>
                  <a:gd name="T16" fmla="*/ 45 w 52"/>
                  <a:gd name="T17" fmla="*/ 269 h 336"/>
                  <a:gd name="T18" fmla="*/ 45 w 52"/>
                  <a:gd name="T19" fmla="*/ 213 h 336"/>
                  <a:gd name="T20" fmla="*/ 35 w 52"/>
                  <a:gd name="T21" fmla="*/ 152 h 336"/>
                  <a:gd name="T22" fmla="*/ 20 w 52"/>
                  <a:gd name="T23" fmla="*/ 91 h 336"/>
                  <a:gd name="T24" fmla="*/ 0 w 52"/>
                  <a:gd name="T25" fmla="*/ 15 h 336"/>
                  <a:gd name="T26" fmla="*/ 10 w 52"/>
                  <a:gd name="T27" fmla="*/ 0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2" h="336">
                    <a:moveTo>
                      <a:pt x="10" y="0"/>
                    </a:moveTo>
                    <a:lnTo>
                      <a:pt x="20" y="25"/>
                    </a:lnTo>
                    <a:lnTo>
                      <a:pt x="30" y="65"/>
                    </a:lnTo>
                    <a:lnTo>
                      <a:pt x="40" y="122"/>
                    </a:lnTo>
                    <a:lnTo>
                      <a:pt x="51" y="193"/>
                    </a:lnTo>
                    <a:lnTo>
                      <a:pt x="51" y="269"/>
                    </a:lnTo>
                    <a:lnTo>
                      <a:pt x="45" y="335"/>
                    </a:lnTo>
                    <a:lnTo>
                      <a:pt x="40" y="335"/>
                    </a:lnTo>
                    <a:lnTo>
                      <a:pt x="45" y="269"/>
                    </a:lnTo>
                    <a:lnTo>
                      <a:pt x="45" y="213"/>
                    </a:lnTo>
                    <a:lnTo>
                      <a:pt x="35" y="152"/>
                    </a:lnTo>
                    <a:lnTo>
                      <a:pt x="20" y="91"/>
                    </a:lnTo>
                    <a:lnTo>
                      <a:pt x="0" y="15"/>
                    </a:lnTo>
                    <a:lnTo>
                      <a:pt x="10"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7" name="Freeform 64"/>
              <p:cNvSpPr>
                <a:spLocks/>
              </p:cNvSpPr>
              <p:nvPr/>
            </p:nvSpPr>
            <p:spPr bwMode="ltGray">
              <a:xfrm>
                <a:off x="493" y="3974"/>
                <a:ext cx="138" cy="162"/>
              </a:xfrm>
              <a:custGeom>
                <a:avLst/>
                <a:gdLst>
                  <a:gd name="T0" fmla="*/ 137 w 138"/>
                  <a:gd name="T1" fmla="*/ 161 h 162"/>
                  <a:gd name="T2" fmla="*/ 116 w 138"/>
                  <a:gd name="T3" fmla="*/ 125 h 162"/>
                  <a:gd name="T4" fmla="*/ 99 w 138"/>
                  <a:gd name="T5" fmla="*/ 85 h 162"/>
                  <a:gd name="T6" fmla="*/ 90 w 138"/>
                  <a:gd name="T7" fmla="*/ 68 h 162"/>
                  <a:gd name="T8" fmla="*/ 77 w 138"/>
                  <a:gd name="T9" fmla="*/ 48 h 162"/>
                  <a:gd name="T10" fmla="*/ 61 w 138"/>
                  <a:gd name="T11" fmla="*/ 27 h 162"/>
                  <a:gd name="T12" fmla="*/ 49 w 138"/>
                  <a:gd name="T13" fmla="*/ 13 h 162"/>
                  <a:gd name="T14" fmla="*/ 39 w 138"/>
                  <a:gd name="T15" fmla="*/ 7 h 162"/>
                  <a:gd name="T16" fmla="*/ 27 w 138"/>
                  <a:gd name="T17" fmla="*/ 2 h 162"/>
                  <a:gd name="T18" fmla="*/ 12 w 138"/>
                  <a:gd name="T19" fmla="*/ 0 h 162"/>
                  <a:gd name="T20" fmla="*/ 6 w 138"/>
                  <a:gd name="T21" fmla="*/ 4 h 162"/>
                  <a:gd name="T22" fmla="*/ 0 w 138"/>
                  <a:gd name="T23" fmla="*/ 14 h 1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8" h="162">
                    <a:moveTo>
                      <a:pt x="137" y="161"/>
                    </a:moveTo>
                    <a:lnTo>
                      <a:pt x="116" y="125"/>
                    </a:lnTo>
                    <a:lnTo>
                      <a:pt x="99" y="85"/>
                    </a:lnTo>
                    <a:lnTo>
                      <a:pt x="90" y="68"/>
                    </a:lnTo>
                    <a:lnTo>
                      <a:pt x="77" y="48"/>
                    </a:lnTo>
                    <a:lnTo>
                      <a:pt x="61" y="27"/>
                    </a:lnTo>
                    <a:lnTo>
                      <a:pt x="49" y="13"/>
                    </a:lnTo>
                    <a:lnTo>
                      <a:pt x="39" y="7"/>
                    </a:lnTo>
                    <a:lnTo>
                      <a:pt x="27" y="2"/>
                    </a:lnTo>
                    <a:lnTo>
                      <a:pt x="12" y="0"/>
                    </a:lnTo>
                    <a:lnTo>
                      <a:pt x="6" y="4"/>
                    </a:lnTo>
                    <a:lnTo>
                      <a:pt x="0" y="14"/>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type="none" w="sm" len="sm"/>
                    <a:tailEnd type="none" w="sm" len="sm"/>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8" name="Freeform 65"/>
              <p:cNvSpPr>
                <a:spLocks/>
              </p:cNvSpPr>
              <p:nvPr/>
            </p:nvSpPr>
            <p:spPr bwMode="ltGray">
              <a:xfrm>
                <a:off x="606" y="3386"/>
                <a:ext cx="427" cy="577"/>
              </a:xfrm>
              <a:custGeom>
                <a:avLst/>
                <a:gdLst>
                  <a:gd name="T0" fmla="*/ 287 w 427"/>
                  <a:gd name="T1" fmla="*/ 6 h 577"/>
                  <a:gd name="T2" fmla="*/ 275 w 427"/>
                  <a:gd name="T3" fmla="*/ 24 h 577"/>
                  <a:gd name="T4" fmla="*/ 181 w 427"/>
                  <a:gd name="T5" fmla="*/ 21 h 577"/>
                  <a:gd name="T6" fmla="*/ 218 w 427"/>
                  <a:gd name="T7" fmla="*/ 28 h 577"/>
                  <a:gd name="T8" fmla="*/ 259 w 427"/>
                  <a:gd name="T9" fmla="*/ 39 h 577"/>
                  <a:gd name="T10" fmla="*/ 169 w 427"/>
                  <a:gd name="T11" fmla="*/ 54 h 577"/>
                  <a:gd name="T12" fmla="*/ 238 w 427"/>
                  <a:gd name="T13" fmla="*/ 58 h 577"/>
                  <a:gd name="T14" fmla="*/ 245 w 427"/>
                  <a:gd name="T15" fmla="*/ 76 h 577"/>
                  <a:gd name="T16" fmla="*/ 43 w 427"/>
                  <a:gd name="T17" fmla="*/ 157 h 577"/>
                  <a:gd name="T18" fmla="*/ 230 w 427"/>
                  <a:gd name="T19" fmla="*/ 97 h 577"/>
                  <a:gd name="T20" fmla="*/ 190 w 427"/>
                  <a:gd name="T21" fmla="*/ 130 h 577"/>
                  <a:gd name="T22" fmla="*/ 215 w 427"/>
                  <a:gd name="T23" fmla="*/ 134 h 577"/>
                  <a:gd name="T24" fmla="*/ 181 w 427"/>
                  <a:gd name="T25" fmla="*/ 179 h 577"/>
                  <a:gd name="T26" fmla="*/ 106 w 427"/>
                  <a:gd name="T27" fmla="*/ 229 h 577"/>
                  <a:gd name="T28" fmla="*/ 190 w 427"/>
                  <a:gd name="T29" fmla="*/ 192 h 577"/>
                  <a:gd name="T30" fmla="*/ 121 w 427"/>
                  <a:gd name="T31" fmla="*/ 265 h 577"/>
                  <a:gd name="T32" fmla="*/ 184 w 427"/>
                  <a:gd name="T33" fmla="*/ 218 h 577"/>
                  <a:gd name="T34" fmla="*/ 199 w 427"/>
                  <a:gd name="T35" fmla="*/ 218 h 577"/>
                  <a:gd name="T36" fmla="*/ 174 w 427"/>
                  <a:gd name="T37" fmla="*/ 260 h 577"/>
                  <a:gd name="T38" fmla="*/ 195 w 427"/>
                  <a:gd name="T39" fmla="*/ 260 h 577"/>
                  <a:gd name="T40" fmla="*/ 155 w 427"/>
                  <a:gd name="T41" fmla="*/ 310 h 577"/>
                  <a:gd name="T42" fmla="*/ 177 w 427"/>
                  <a:gd name="T43" fmla="*/ 298 h 577"/>
                  <a:gd name="T44" fmla="*/ 158 w 427"/>
                  <a:gd name="T45" fmla="*/ 344 h 577"/>
                  <a:gd name="T46" fmla="*/ 174 w 427"/>
                  <a:gd name="T47" fmla="*/ 329 h 577"/>
                  <a:gd name="T48" fmla="*/ 193 w 427"/>
                  <a:gd name="T49" fmla="*/ 325 h 577"/>
                  <a:gd name="T50" fmla="*/ 181 w 427"/>
                  <a:gd name="T51" fmla="*/ 359 h 577"/>
                  <a:gd name="T52" fmla="*/ 141 w 427"/>
                  <a:gd name="T53" fmla="*/ 423 h 577"/>
                  <a:gd name="T54" fmla="*/ 193 w 427"/>
                  <a:gd name="T55" fmla="*/ 374 h 577"/>
                  <a:gd name="T56" fmla="*/ 204 w 427"/>
                  <a:gd name="T57" fmla="*/ 365 h 577"/>
                  <a:gd name="T58" fmla="*/ 202 w 427"/>
                  <a:gd name="T59" fmla="*/ 418 h 577"/>
                  <a:gd name="T60" fmla="*/ 218 w 427"/>
                  <a:gd name="T61" fmla="*/ 444 h 577"/>
                  <a:gd name="T62" fmla="*/ 225 w 427"/>
                  <a:gd name="T63" fmla="*/ 414 h 577"/>
                  <a:gd name="T64" fmla="*/ 376 w 427"/>
                  <a:gd name="T65" fmla="*/ 494 h 577"/>
                  <a:gd name="T66" fmla="*/ 238 w 427"/>
                  <a:gd name="T67" fmla="*/ 378 h 577"/>
                  <a:gd name="T68" fmla="*/ 268 w 427"/>
                  <a:gd name="T69" fmla="*/ 402 h 577"/>
                  <a:gd name="T70" fmla="*/ 228 w 427"/>
                  <a:gd name="T71" fmla="*/ 339 h 577"/>
                  <a:gd name="T72" fmla="*/ 394 w 427"/>
                  <a:gd name="T73" fmla="*/ 390 h 577"/>
                  <a:gd name="T74" fmla="*/ 228 w 427"/>
                  <a:gd name="T75" fmla="*/ 319 h 577"/>
                  <a:gd name="T76" fmla="*/ 251 w 427"/>
                  <a:gd name="T77" fmla="*/ 302 h 577"/>
                  <a:gd name="T78" fmla="*/ 232 w 427"/>
                  <a:gd name="T79" fmla="*/ 277 h 577"/>
                  <a:gd name="T80" fmla="*/ 259 w 427"/>
                  <a:gd name="T81" fmla="*/ 277 h 577"/>
                  <a:gd name="T82" fmla="*/ 333 w 427"/>
                  <a:gd name="T83" fmla="*/ 326 h 577"/>
                  <a:gd name="T84" fmla="*/ 262 w 427"/>
                  <a:gd name="T85" fmla="*/ 232 h 577"/>
                  <a:gd name="T86" fmla="*/ 248 w 427"/>
                  <a:gd name="T87" fmla="*/ 198 h 577"/>
                  <a:gd name="T88" fmla="*/ 268 w 427"/>
                  <a:gd name="T89" fmla="*/ 192 h 577"/>
                  <a:gd name="T90" fmla="*/ 264 w 427"/>
                  <a:gd name="T91" fmla="*/ 159 h 577"/>
                  <a:gd name="T92" fmla="*/ 273 w 427"/>
                  <a:gd name="T93" fmla="*/ 155 h 577"/>
                  <a:gd name="T94" fmla="*/ 324 w 427"/>
                  <a:gd name="T95" fmla="*/ 185 h 577"/>
                  <a:gd name="T96" fmla="*/ 284 w 427"/>
                  <a:gd name="T97" fmla="*/ 137 h 577"/>
                  <a:gd name="T98" fmla="*/ 287 w 427"/>
                  <a:gd name="T99" fmla="*/ 96 h 577"/>
                  <a:gd name="T100" fmla="*/ 284 w 427"/>
                  <a:gd name="T101" fmla="*/ 73 h 577"/>
                  <a:gd name="T102" fmla="*/ 327 w 427"/>
                  <a:gd name="T103" fmla="*/ 72 h 577"/>
                  <a:gd name="T104" fmla="*/ 317 w 427"/>
                  <a:gd name="T105" fmla="*/ 39 h 577"/>
                  <a:gd name="T106" fmla="*/ 336 w 427"/>
                  <a:gd name="T107" fmla="*/ 30 h 577"/>
                  <a:gd name="T108" fmla="*/ 330 w 427"/>
                  <a:gd name="T109" fmla="*/ 0 h 5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427" h="577">
                    <a:moveTo>
                      <a:pt x="330" y="0"/>
                    </a:moveTo>
                    <a:lnTo>
                      <a:pt x="313" y="2"/>
                    </a:lnTo>
                    <a:lnTo>
                      <a:pt x="287" y="6"/>
                    </a:lnTo>
                    <a:lnTo>
                      <a:pt x="305" y="9"/>
                    </a:lnTo>
                    <a:lnTo>
                      <a:pt x="290" y="16"/>
                    </a:lnTo>
                    <a:lnTo>
                      <a:pt x="275" y="24"/>
                    </a:lnTo>
                    <a:lnTo>
                      <a:pt x="253" y="27"/>
                    </a:lnTo>
                    <a:lnTo>
                      <a:pt x="218" y="26"/>
                    </a:lnTo>
                    <a:lnTo>
                      <a:pt x="181" y="21"/>
                    </a:lnTo>
                    <a:lnTo>
                      <a:pt x="84" y="26"/>
                    </a:lnTo>
                    <a:lnTo>
                      <a:pt x="177" y="23"/>
                    </a:lnTo>
                    <a:lnTo>
                      <a:pt x="218" y="28"/>
                    </a:lnTo>
                    <a:lnTo>
                      <a:pt x="253" y="27"/>
                    </a:lnTo>
                    <a:lnTo>
                      <a:pt x="275" y="32"/>
                    </a:lnTo>
                    <a:lnTo>
                      <a:pt x="259" y="39"/>
                    </a:lnTo>
                    <a:lnTo>
                      <a:pt x="270" y="42"/>
                    </a:lnTo>
                    <a:lnTo>
                      <a:pt x="238" y="55"/>
                    </a:lnTo>
                    <a:lnTo>
                      <a:pt x="169" y="54"/>
                    </a:lnTo>
                    <a:lnTo>
                      <a:pt x="79" y="100"/>
                    </a:lnTo>
                    <a:lnTo>
                      <a:pt x="169" y="55"/>
                    </a:lnTo>
                    <a:lnTo>
                      <a:pt x="238" y="58"/>
                    </a:lnTo>
                    <a:lnTo>
                      <a:pt x="259" y="60"/>
                    </a:lnTo>
                    <a:lnTo>
                      <a:pt x="222" y="76"/>
                    </a:lnTo>
                    <a:lnTo>
                      <a:pt x="245" y="76"/>
                    </a:lnTo>
                    <a:lnTo>
                      <a:pt x="204" y="93"/>
                    </a:lnTo>
                    <a:lnTo>
                      <a:pt x="128" y="116"/>
                    </a:lnTo>
                    <a:lnTo>
                      <a:pt x="43" y="157"/>
                    </a:lnTo>
                    <a:lnTo>
                      <a:pt x="131" y="119"/>
                    </a:lnTo>
                    <a:lnTo>
                      <a:pt x="207" y="96"/>
                    </a:lnTo>
                    <a:lnTo>
                      <a:pt x="230" y="97"/>
                    </a:lnTo>
                    <a:lnTo>
                      <a:pt x="195" y="111"/>
                    </a:lnTo>
                    <a:lnTo>
                      <a:pt x="218" y="114"/>
                    </a:lnTo>
                    <a:lnTo>
                      <a:pt x="190" y="130"/>
                    </a:lnTo>
                    <a:lnTo>
                      <a:pt x="8" y="270"/>
                    </a:lnTo>
                    <a:lnTo>
                      <a:pt x="190" y="134"/>
                    </a:lnTo>
                    <a:lnTo>
                      <a:pt x="215" y="134"/>
                    </a:lnTo>
                    <a:lnTo>
                      <a:pt x="187" y="155"/>
                    </a:lnTo>
                    <a:lnTo>
                      <a:pt x="207" y="154"/>
                    </a:lnTo>
                    <a:lnTo>
                      <a:pt x="181" y="179"/>
                    </a:lnTo>
                    <a:lnTo>
                      <a:pt x="106" y="228"/>
                    </a:lnTo>
                    <a:lnTo>
                      <a:pt x="28" y="296"/>
                    </a:lnTo>
                    <a:lnTo>
                      <a:pt x="106" y="229"/>
                    </a:lnTo>
                    <a:lnTo>
                      <a:pt x="184" y="182"/>
                    </a:lnTo>
                    <a:lnTo>
                      <a:pt x="207" y="174"/>
                    </a:lnTo>
                    <a:lnTo>
                      <a:pt x="190" y="192"/>
                    </a:lnTo>
                    <a:lnTo>
                      <a:pt x="204" y="190"/>
                    </a:lnTo>
                    <a:lnTo>
                      <a:pt x="181" y="216"/>
                    </a:lnTo>
                    <a:lnTo>
                      <a:pt x="121" y="265"/>
                    </a:lnTo>
                    <a:lnTo>
                      <a:pt x="0" y="331"/>
                    </a:lnTo>
                    <a:lnTo>
                      <a:pt x="118" y="267"/>
                    </a:lnTo>
                    <a:lnTo>
                      <a:pt x="184" y="218"/>
                    </a:lnTo>
                    <a:lnTo>
                      <a:pt x="193" y="218"/>
                    </a:lnTo>
                    <a:lnTo>
                      <a:pt x="81" y="365"/>
                    </a:lnTo>
                    <a:lnTo>
                      <a:pt x="199" y="218"/>
                    </a:lnTo>
                    <a:lnTo>
                      <a:pt x="184" y="237"/>
                    </a:lnTo>
                    <a:lnTo>
                      <a:pt x="199" y="230"/>
                    </a:lnTo>
                    <a:lnTo>
                      <a:pt x="174" y="260"/>
                    </a:lnTo>
                    <a:lnTo>
                      <a:pt x="98" y="329"/>
                    </a:lnTo>
                    <a:lnTo>
                      <a:pt x="174" y="265"/>
                    </a:lnTo>
                    <a:lnTo>
                      <a:pt x="195" y="260"/>
                    </a:lnTo>
                    <a:lnTo>
                      <a:pt x="174" y="280"/>
                    </a:lnTo>
                    <a:lnTo>
                      <a:pt x="84" y="414"/>
                    </a:lnTo>
                    <a:lnTo>
                      <a:pt x="155" y="310"/>
                    </a:lnTo>
                    <a:lnTo>
                      <a:pt x="181" y="280"/>
                    </a:lnTo>
                    <a:lnTo>
                      <a:pt x="195" y="277"/>
                    </a:lnTo>
                    <a:lnTo>
                      <a:pt x="177" y="298"/>
                    </a:lnTo>
                    <a:lnTo>
                      <a:pt x="193" y="295"/>
                    </a:lnTo>
                    <a:lnTo>
                      <a:pt x="169" y="320"/>
                    </a:lnTo>
                    <a:lnTo>
                      <a:pt x="158" y="344"/>
                    </a:lnTo>
                    <a:lnTo>
                      <a:pt x="40" y="421"/>
                    </a:lnTo>
                    <a:lnTo>
                      <a:pt x="161" y="346"/>
                    </a:lnTo>
                    <a:lnTo>
                      <a:pt x="174" y="329"/>
                    </a:lnTo>
                    <a:lnTo>
                      <a:pt x="190" y="325"/>
                    </a:lnTo>
                    <a:lnTo>
                      <a:pt x="161" y="369"/>
                    </a:lnTo>
                    <a:lnTo>
                      <a:pt x="193" y="325"/>
                    </a:lnTo>
                    <a:lnTo>
                      <a:pt x="174" y="346"/>
                    </a:lnTo>
                    <a:lnTo>
                      <a:pt x="195" y="341"/>
                    </a:lnTo>
                    <a:lnTo>
                      <a:pt x="181" y="359"/>
                    </a:lnTo>
                    <a:lnTo>
                      <a:pt x="141" y="423"/>
                    </a:lnTo>
                    <a:lnTo>
                      <a:pt x="100" y="461"/>
                    </a:lnTo>
                    <a:lnTo>
                      <a:pt x="141" y="423"/>
                    </a:lnTo>
                    <a:lnTo>
                      <a:pt x="184" y="362"/>
                    </a:lnTo>
                    <a:lnTo>
                      <a:pt x="199" y="359"/>
                    </a:lnTo>
                    <a:lnTo>
                      <a:pt x="193" y="374"/>
                    </a:lnTo>
                    <a:lnTo>
                      <a:pt x="161" y="414"/>
                    </a:lnTo>
                    <a:lnTo>
                      <a:pt x="195" y="378"/>
                    </a:lnTo>
                    <a:lnTo>
                      <a:pt x="204" y="365"/>
                    </a:lnTo>
                    <a:lnTo>
                      <a:pt x="190" y="398"/>
                    </a:lnTo>
                    <a:lnTo>
                      <a:pt x="207" y="392"/>
                    </a:lnTo>
                    <a:lnTo>
                      <a:pt x="202" y="418"/>
                    </a:lnTo>
                    <a:lnTo>
                      <a:pt x="213" y="406"/>
                    </a:lnTo>
                    <a:lnTo>
                      <a:pt x="222" y="416"/>
                    </a:lnTo>
                    <a:lnTo>
                      <a:pt x="218" y="444"/>
                    </a:lnTo>
                    <a:lnTo>
                      <a:pt x="144" y="576"/>
                    </a:lnTo>
                    <a:lnTo>
                      <a:pt x="225" y="444"/>
                    </a:lnTo>
                    <a:lnTo>
                      <a:pt x="225" y="414"/>
                    </a:lnTo>
                    <a:lnTo>
                      <a:pt x="225" y="396"/>
                    </a:lnTo>
                    <a:lnTo>
                      <a:pt x="243" y="406"/>
                    </a:lnTo>
                    <a:lnTo>
                      <a:pt x="376" y="494"/>
                    </a:lnTo>
                    <a:lnTo>
                      <a:pt x="235" y="398"/>
                    </a:lnTo>
                    <a:lnTo>
                      <a:pt x="225" y="374"/>
                    </a:lnTo>
                    <a:lnTo>
                      <a:pt x="238" y="378"/>
                    </a:lnTo>
                    <a:lnTo>
                      <a:pt x="218" y="349"/>
                    </a:lnTo>
                    <a:lnTo>
                      <a:pt x="235" y="360"/>
                    </a:lnTo>
                    <a:lnTo>
                      <a:pt x="268" y="402"/>
                    </a:lnTo>
                    <a:lnTo>
                      <a:pt x="238" y="357"/>
                    </a:lnTo>
                    <a:lnTo>
                      <a:pt x="225" y="339"/>
                    </a:lnTo>
                    <a:lnTo>
                      <a:pt x="228" y="339"/>
                    </a:lnTo>
                    <a:lnTo>
                      <a:pt x="245" y="349"/>
                    </a:lnTo>
                    <a:lnTo>
                      <a:pt x="278" y="372"/>
                    </a:lnTo>
                    <a:lnTo>
                      <a:pt x="394" y="390"/>
                    </a:lnTo>
                    <a:lnTo>
                      <a:pt x="275" y="369"/>
                    </a:lnTo>
                    <a:lnTo>
                      <a:pt x="238" y="341"/>
                    </a:lnTo>
                    <a:lnTo>
                      <a:pt x="228" y="319"/>
                    </a:lnTo>
                    <a:lnTo>
                      <a:pt x="245" y="319"/>
                    </a:lnTo>
                    <a:lnTo>
                      <a:pt x="228" y="298"/>
                    </a:lnTo>
                    <a:lnTo>
                      <a:pt x="251" y="302"/>
                    </a:lnTo>
                    <a:lnTo>
                      <a:pt x="330" y="344"/>
                    </a:lnTo>
                    <a:lnTo>
                      <a:pt x="251" y="301"/>
                    </a:lnTo>
                    <a:lnTo>
                      <a:pt x="232" y="277"/>
                    </a:lnTo>
                    <a:lnTo>
                      <a:pt x="253" y="283"/>
                    </a:lnTo>
                    <a:lnTo>
                      <a:pt x="238" y="264"/>
                    </a:lnTo>
                    <a:lnTo>
                      <a:pt x="259" y="277"/>
                    </a:lnTo>
                    <a:lnTo>
                      <a:pt x="245" y="247"/>
                    </a:lnTo>
                    <a:lnTo>
                      <a:pt x="262" y="262"/>
                    </a:lnTo>
                    <a:lnTo>
                      <a:pt x="333" y="326"/>
                    </a:lnTo>
                    <a:lnTo>
                      <a:pt x="259" y="262"/>
                    </a:lnTo>
                    <a:lnTo>
                      <a:pt x="243" y="225"/>
                    </a:lnTo>
                    <a:lnTo>
                      <a:pt x="262" y="232"/>
                    </a:lnTo>
                    <a:lnTo>
                      <a:pt x="379" y="268"/>
                    </a:lnTo>
                    <a:lnTo>
                      <a:pt x="262" y="230"/>
                    </a:lnTo>
                    <a:lnTo>
                      <a:pt x="248" y="198"/>
                    </a:lnTo>
                    <a:lnTo>
                      <a:pt x="264" y="203"/>
                    </a:lnTo>
                    <a:lnTo>
                      <a:pt x="251" y="185"/>
                    </a:lnTo>
                    <a:lnTo>
                      <a:pt x="268" y="192"/>
                    </a:lnTo>
                    <a:lnTo>
                      <a:pt x="322" y="281"/>
                    </a:lnTo>
                    <a:lnTo>
                      <a:pt x="264" y="183"/>
                    </a:lnTo>
                    <a:lnTo>
                      <a:pt x="264" y="159"/>
                    </a:lnTo>
                    <a:lnTo>
                      <a:pt x="281" y="170"/>
                    </a:lnTo>
                    <a:lnTo>
                      <a:pt x="317" y="221"/>
                    </a:lnTo>
                    <a:lnTo>
                      <a:pt x="273" y="155"/>
                    </a:lnTo>
                    <a:lnTo>
                      <a:pt x="268" y="134"/>
                    </a:lnTo>
                    <a:lnTo>
                      <a:pt x="281" y="144"/>
                    </a:lnTo>
                    <a:lnTo>
                      <a:pt x="324" y="185"/>
                    </a:lnTo>
                    <a:lnTo>
                      <a:pt x="426" y="208"/>
                    </a:lnTo>
                    <a:lnTo>
                      <a:pt x="322" y="182"/>
                    </a:lnTo>
                    <a:lnTo>
                      <a:pt x="284" y="137"/>
                    </a:lnTo>
                    <a:lnTo>
                      <a:pt x="278" y="109"/>
                    </a:lnTo>
                    <a:lnTo>
                      <a:pt x="295" y="122"/>
                    </a:lnTo>
                    <a:lnTo>
                      <a:pt x="287" y="96"/>
                    </a:lnTo>
                    <a:lnTo>
                      <a:pt x="354" y="165"/>
                    </a:lnTo>
                    <a:lnTo>
                      <a:pt x="290" y="93"/>
                    </a:lnTo>
                    <a:lnTo>
                      <a:pt x="284" y="73"/>
                    </a:lnTo>
                    <a:lnTo>
                      <a:pt x="305" y="88"/>
                    </a:lnTo>
                    <a:lnTo>
                      <a:pt x="302" y="57"/>
                    </a:lnTo>
                    <a:lnTo>
                      <a:pt x="327" y="72"/>
                    </a:lnTo>
                    <a:lnTo>
                      <a:pt x="420" y="127"/>
                    </a:lnTo>
                    <a:lnTo>
                      <a:pt x="327" y="70"/>
                    </a:lnTo>
                    <a:lnTo>
                      <a:pt x="317" y="39"/>
                    </a:lnTo>
                    <a:lnTo>
                      <a:pt x="330" y="46"/>
                    </a:lnTo>
                    <a:lnTo>
                      <a:pt x="322" y="24"/>
                    </a:lnTo>
                    <a:lnTo>
                      <a:pt x="336" y="30"/>
                    </a:lnTo>
                    <a:lnTo>
                      <a:pt x="339" y="12"/>
                    </a:lnTo>
                    <a:lnTo>
                      <a:pt x="336" y="5"/>
                    </a:lnTo>
                    <a:lnTo>
                      <a:pt x="330"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79" name="Freeform 66"/>
              <p:cNvSpPr>
                <a:spLocks/>
              </p:cNvSpPr>
              <p:nvPr/>
            </p:nvSpPr>
            <p:spPr bwMode="ltGray">
              <a:xfrm>
                <a:off x="877" y="3692"/>
                <a:ext cx="158" cy="263"/>
              </a:xfrm>
              <a:custGeom>
                <a:avLst/>
                <a:gdLst>
                  <a:gd name="T0" fmla="*/ 157 w 158"/>
                  <a:gd name="T1" fmla="*/ 94 h 263"/>
                  <a:gd name="T2" fmla="*/ 140 w 158"/>
                  <a:gd name="T3" fmla="*/ 9 h 263"/>
                  <a:gd name="T4" fmla="*/ 119 w 158"/>
                  <a:gd name="T5" fmla="*/ 1 h 263"/>
                  <a:gd name="T6" fmla="*/ 102 w 158"/>
                  <a:gd name="T7" fmla="*/ 0 h 263"/>
                  <a:gd name="T8" fmla="*/ 75 w 158"/>
                  <a:gd name="T9" fmla="*/ 3 h 263"/>
                  <a:gd name="T10" fmla="*/ 59 w 158"/>
                  <a:gd name="T11" fmla="*/ 13 h 263"/>
                  <a:gd name="T12" fmla="*/ 40 w 158"/>
                  <a:gd name="T13" fmla="*/ 26 h 263"/>
                  <a:gd name="T14" fmla="*/ 22 w 158"/>
                  <a:gd name="T15" fmla="*/ 49 h 263"/>
                  <a:gd name="T16" fmla="*/ 12 w 158"/>
                  <a:gd name="T17" fmla="*/ 82 h 263"/>
                  <a:gd name="T18" fmla="*/ 7 w 158"/>
                  <a:gd name="T19" fmla="*/ 110 h 263"/>
                  <a:gd name="T20" fmla="*/ 0 w 158"/>
                  <a:gd name="T21" fmla="*/ 149 h 263"/>
                  <a:gd name="T22" fmla="*/ 0 w 158"/>
                  <a:gd name="T23" fmla="*/ 174 h 263"/>
                  <a:gd name="T24" fmla="*/ 12 w 158"/>
                  <a:gd name="T25" fmla="*/ 209 h 263"/>
                  <a:gd name="T26" fmla="*/ 35 w 158"/>
                  <a:gd name="T27" fmla="*/ 238 h 263"/>
                  <a:gd name="T28" fmla="*/ 59 w 158"/>
                  <a:gd name="T29" fmla="*/ 262 h 263"/>
                  <a:gd name="T30" fmla="*/ 46 w 158"/>
                  <a:gd name="T31" fmla="*/ 226 h 263"/>
                  <a:gd name="T32" fmla="*/ 40 w 158"/>
                  <a:gd name="T33" fmla="*/ 193 h 263"/>
                  <a:gd name="T34" fmla="*/ 43 w 158"/>
                  <a:gd name="T35" fmla="*/ 158 h 263"/>
                  <a:gd name="T36" fmla="*/ 46 w 158"/>
                  <a:gd name="T37" fmla="*/ 128 h 263"/>
                  <a:gd name="T38" fmla="*/ 51 w 158"/>
                  <a:gd name="T39" fmla="*/ 97 h 263"/>
                  <a:gd name="T40" fmla="*/ 59 w 158"/>
                  <a:gd name="T41" fmla="*/ 70 h 263"/>
                  <a:gd name="T42" fmla="*/ 61 w 158"/>
                  <a:gd name="T43" fmla="*/ 49 h 263"/>
                  <a:gd name="T44" fmla="*/ 71 w 158"/>
                  <a:gd name="T45" fmla="*/ 27 h 263"/>
                  <a:gd name="T46" fmla="*/ 94 w 158"/>
                  <a:gd name="T47" fmla="*/ 10 h 263"/>
                  <a:gd name="T48" fmla="*/ 114 w 158"/>
                  <a:gd name="T49" fmla="*/ 11 h 263"/>
                  <a:gd name="T50" fmla="*/ 135 w 158"/>
                  <a:gd name="T51" fmla="*/ 59 h 263"/>
                  <a:gd name="T52" fmla="*/ 150 w 158"/>
                  <a:gd name="T53" fmla="*/ 70 h 263"/>
                  <a:gd name="T54" fmla="*/ 157 w 158"/>
                  <a:gd name="T55" fmla="*/ 94 h 2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58" h="263">
                    <a:moveTo>
                      <a:pt x="157" y="94"/>
                    </a:moveTo>
                    <a:lnTo>
                      <a:pt x="140" y="9"/>
                    </a:lnTo>
                    <a:lnTo>
                      <a:pt x="119" y="1"/>
                    </a:lnTo>
                    <a:lnTo>
                      <a:pt x="102" y="0"/>
                    </a:lnTo>
                    <a:lnTo>
                      <a:pt x="75" y="3"/>
                    </a:lnTo>
                    <a:lnTo>
                      <a:pt x="59" y="13"/>
                    </a:lnTo>
                    <a:lnTo>
                      <a:pt x="40" y="26"/>
                    </a:lnTo>
                    <a:lnTo>
                      <a:pt x="22" y="49"/>
                    </a:lnTo>
                    <a:lnTo>
                      <a:pt x="12" y="82"/>
                    </a:lnTo>
                    <a:lnTo>
                      <a:pt x="7" y="110"/>
                    </a:lnTo>
                    <a:lnTo>
                      <a:pt x="0" y="149"/>
                    </a:lnTo>
                    <a:lnTo>
                      <a:pt x="0" y="174"/>
                    </a:lnTo>
                    <a:lnTo>
                      <a:pt x="12" y="209"/>
                    </a:lnTo>
                    <a:lnTo>
                      <a:pt x="35" y="238"/>
                    </a:lnTo>
                    <a:lnTo>
                      <a:pt x="59" y="262"/>
                    </a:lnTo>
                    <a:lnTo>
                      <a:pt x="46" y="226"/>
                    </a:lnTo>
                    <a:lnTo>
                      <a:pt x="40" y="193"/>
                    </a:lnTo>
                    <a:lnTo>
                      <a:pt x="43" y="158"/>
                    </a:lnTo>
                    <a:lnTo>
                      <a:pt x="46" y="128"/>
                    </a:lnTo>
                    <a:lnTo>
                      <a:pt x="51" y="97"/>
                    </a:lnTo>
                    <a:lnTo>
                      <a:pt x="59" y="70"/>
                    </a:lnTo>
                    <a:lnTo>
                      <a:pt x="61" y="49"/>
                    </a:lnTo>
                    <a:lnTo>
                      <a:pt x="71" y="27"/>
                    </a:lnTo>
                    <a:lnTo>
                      <a:pt x="94" y="10"/>
                    </a:lnTo>
                    <a:lnTo>
                      <a:pt x="114" y="11"/>
                    </a:lnTo>
                    <a:lnTo>
                      <a:pt x="135" y="59"/>
                    </a:lnTo>
                    <a:lnTo>
                      <a:pt x="150" y="70"/>
                    </a:lnTo>
                    <a:lnTo>
                      <a:pt x="157" y="94"/>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80" name="Freeform 67"/>
              <p:cNvSpPr>
                <a:spLocks/>
              </p:cNvSpPr>
              <p:nvPr/>
            </p:nvSpPr>
            <p:spPr bwMode="ltGray">
              <a:xfrm>
                <a:off x="1002" y="3501"/>
                <a:ext cx="176" cy="322"/>
              </a:xfrm>
              <a:custGeom>
                <a:avLst/>
                <a:gdLst>
                  <a:gd name="T0" fmla="*/ 3 w 176"/>
                  <a:gd name="T1" fmla="*/ 51 h 322"/>
                  <a:gd name="T2" fmla="*/ 40 w 176"/>
                  <a:gd name="T3" fmla="*/ 0 h 322"/>
                  <a:gd name="T4" fmla="*/ 63 w 176"/>
                  <a:gd name="T5" fmla="*/ 1 h 322"/>
                  <a:gd name="T6" fmla="*/ 83 w 176"/>
                  <a:gd name="T7" fmla="*/ 4 h 322"/>
                  <a:gd name="T8" fmla="*/ 99 w 176"/>
                  <a:gd name="T9" fmla="*/ 18 h 322"/>
                  <a:gd name="T10" fmla="*/ 139 w 176"/>
                  <a:gd name="T11" fmla="*/ 59 h 322"/>
                  <a:gd name="T12" fmla="*/ 152 w 176"/>
                  <a:gd name="T13" fmla="*/ 77 h 322"/>
                  <a:gd name="T14" fmla="*/ 161 w 176"/>
                  <a:gd name="T15" fmla="*/ 96 h 322"/>
                  <a:gd name="T16" fmla="*/ 171 w 176"/>
                  <a:gd name="T17" fmla="*/ 150 h 322"/>
                  <a:gd name="T18" fmla="*/ 175 w 176"/>
                  <a:gd name="T19" fmla="*/ 167 h 322"/>
                  <a:gd name="T20" fmla="*/ 171 w 176"/>
                  <a:gd name="T21" fmla="*/ 188 h 322"/>
                  <a:gd name="T22" fmla="*/ 164 w 176"/>
                  <a:gd name="T23" fmla="*/ 210 h 322"/>
                  <a:gd name="T24" fmla="*/ 148 w 176"/>
                  <a:gd name="T25" fmla="*/ 244 h 322"/>
                  <a:gd name="T26" fmla="*/ 136 w 176"/>
                  <a:gd name="T27" fmla="*/ 267 h 322"/>
                  <a:gd name="T28" fmla="*/ 115 w 176"/>
                  <a:gd name="T29" fmla="*/ 291 h 322"/>
                  <a:gd name="T30" fmla="*/ 76 w 176"/>
                  <a:gd name="T31" fmla="*/ 321 h 322"/>
                  <a:gd name="T32" fmla="*/ 96 w 176"/>
                  <a:gd name="T33" fmla="*/ 283 h 322"/>
                  <a:gd name="T34" fmla="*/ 113 w 176"/>
                  <a:gd name="T35" fmla="*/ 249 h 322"/>
                  <a:gd name="T36" fmla="*/ 123 w 176"/>
                  <a:gd name="T37" fmla="*/ 217 h 322"/>
                  <a:gd name="T38" fmla="*/ 118 w 176"/>
                  <a:gd name="T39" fmla="*/ 188 h 322"/>
                  <a:gd name="T40" fmla="*/ 115 w 176"/>
                  <a:gd name="T41" fmla="*/ 167 h 322"/>
                  <a:gd name="T42" fmla="*/ 123 w 176"/>
                  <a:gd name="T43" fmla="*/ 141 h 322"/>
                  <a:gd name="T44" fmla="*/ 126 w 176"/>
                  <a:gd name="T45" fmla="*/ 119 h 322"/>
                  <a:gd name="T46" fmla="*/ 109 w 176"/>
                  <a:gd name="T47" fmla="*/ 77 h 322"/>
                  <a:gd name="T48" fmla="*/ 106 w 176"/>
                  <a:gd name="T49" fmla="*/ 54 h 322"/>
                  <a:gd name="T50" fmla="*/ 92 w 176"/>
                  <a:gd name="T51" fmla="*/ 37 h 322"/>
                  <a:gd name="T52" fmla="*/ 63 w 176"/>
                  <a:gd name="T53" fmla="*/ 13 h 322"/>
                  <a:gd name="T54" fmla="*/ 49 w 176"/>
                  <a:gd name="T55" fmla="*/ 32 h 322"/>
                  <a:gd name="T56" fmla="*/ 0 w 176"/>
                  <a:gd name="T57" fmla="*/ 61 h 322"/>
                  <a:gd name="T58" fmla="*/ 3 w 176"/>
                  <a:gd name="T59" fmla="*/ 51 h 32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76" h="322">
                    <a:moveTo>
                      <a:pt x="3" y="51"/>
                    </a:moveTo>
                    <a:lnTo>
                      <a:pt x="40" y="0"/>
                    </a:lnTo>
                    <a:lnTo>
                      <a:pt x="63" y="1"/>
                    </a:lnTo>
                    <a:lnTo>
                      <a:pt x="83" y="4"/>
                    </a:lnTo>
                    <a:lnTo>
                      <a:pt x="99" y="18"/>
                    </a:lnTo>
                    <a:lnTo>
                      <a:pt x="139" y="59"/>
                    </a:lnTo>
                    <a:lnTo>
                      <a:pt x="152" y="77"/>
                    </a:lnTo>
                    <a:lnTo>
                      <a:pt x="161" y="96"/>
                    </a:lnTo>
                    <a:lnTo>
                      <a:pt x="171" y="150"/>
                    </a:lnTo>
                    <a:lnTo>
                      <a:pt x="175" y="167"/>
                    </a:lnTo>
                    <a:lnTo>
                      <a:pt x="171" y="188"/>
                    </a:lnTo>
                    <a:lnTo>
                      <a:pt x="164" y="210"/>
                    </a:lnTo>
                    <a:lnTo>
                      <a:pt x="148" y="244"/>
                    </a:lnTo>
                    <a:lnTo>
                      <a:pt x="136" y="267"/>
                    </a:lnTo>
                    <a:lnTo>
                      <a:pt x="115" y="291"/>
                    </a:lnTo>
                    <a:lnTo>
                      <a:pt x="76" y="321"/>
                    </a:lnTo>
                    <a:lnTo>
                      <a:pt x="96" y="283"/>
                    </a:lnTo>
                    <a:lnTo>
                      <a:pt x="113" y="249"/>
                    </a:lnTo>
                    <a:lnTo>
                      <a:pt x="123" y="217"/>
                    </a:lnTo>
                    <a:lnTo>
                      <a:pt x="118" y="188"/>
                    </a:lnTo>
                    <a:lnTo>
                      <a:pt x="115" y="167"/>
                    </a:lnTo>
                    <a:lnTo>
                      <a:pt x="123" y="141"/>
                    </a:lnTo>
                    <a:lnTo>
                      <a:pt x="126" y="119"/>
                    </a:lnTo>
                    <a:lnTo>
                      <a:pt x="109" y="77"/>
                    </a:lnTo>
                    <a:lnTo>
                      <a:pt x="106" y="54"/>
                    </a:lnTo>
                    <a:lnTo>
                      <a:pt x="92" y="37"/>
                    </a:lnTo>
                    <a:lnTo>
                      <a:pt x="63" y="13"/>
                    </a:lnTo>
                    <a:lnTo>
                      <a:pt x="49" y="32"/>
                    </a:lnTo>
                    <a:lnTo>
                      <a:pt x="0" y="61"/>
                    </a:lnTo>
                    <a:lnTo>
                      <a:pt x="3" y="5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grpSp>
          <p:nvGrpSpPr>
            <p:cNvPr id="12" name="Group 111"/>
            <p:cNvGrpSpPr>
              <a:grpSpLocks/>
            </p:cNvGrpSpPr>
            <p:nvPr/>
          </p:nvGrpSpPr>
          <p:grpSpPr bwMode="auto">
            <a:xfrm>
              <a:off x="10057193" y="5283200"/>
              <a:ext cx="2032000" cy="1581150"/>
              <a:chOff x="4495" y="3328"/>
              <a:chExt cx="1280" cy="996"/>
            </a:xfrm>
          </p:grpSpPr>
          <p:grpSp>
            <p:nvGrpSpPr>
              <p:cNvPr id="13" name="Group 84"/>
              <p:cNvGrpSpPr>
                <a:grpSpLocks/>
              </p:cNvGrpSpPr>
              <p:nvPr/>
            </p:nvGrpSpPr>
            <p:grpSpPr bwMode="auto">
              <a:xfrm>
                <a:off x="4636" y="3328"/>
                <a:ext cx="1056" cy="993"/>
                <a:chOff x="4636" y="3328"/>
                <a:chExt cx="1056" cy="993"/>
              </a:xfrm>
            </p:grpSpPr>
            <p:sp>
              <p:nvSpPr>
                <p:cNvPr id="40" name="Freeform 69"/>
                <p:cNvSpPr>
                  <a:spLocks/>
                </p:cNvSpPr>
                <p:nvPr/>
              </p:nvSpPr>
              <p:spPr bwMode="ltGray">
                <a:xfrm>
                  <a:off x="5544" y="3891"/>
                  <a:ext cx="148" cy="230"/>
                </a:xfrm>
                <a:custGeom>
                  <a:avLst/>
                  <a:gdLst>
                    <a:gd name="T0" fmla="*/ 0 w 148"/>
                    <a:gd name="T1" fmla="*/ 229 h 230"/>
                    <a:gd name="T2" fmla="*/ 21 w 148"/>
                    <a:gd name="T3" fmla="*/ 177 h 230"/>
                    <a:gd name="T4" fmla="*/ 40 w 148"/>
                    <a:gd name="T5" fmla="*/ 121 h 230"/>
                    <a:gd name="T6" fmla="*/ 49 w 148"/>
                    <a:gd name="T7" fmla="*/ 96 h 230"/>
                    <a:gd name="T8" fmla="*/ 62 w 148"/>
                    <a:gd name="T9" fmla="*/ 68 h 230"/>
                    <a:gd name="T10" fmla="*/ 80 w 148"/>
                    <a:gd name="T11" fmla="*/ 37 h 230"/>
                    <a:gd name="T12" fmla="*/ 94 w 148"/>
                    <a:gd name="T13" fmla="*/ 18 h 230"/>
                    <a:gd name="T14" fmla="*/ 104 w 148"/>
                    <a:gd name="T15" fmla="*/ 9 h 230"/>
                    <a:gd name="T16" fmla="*/ 118 w 148"/>
                    <a:gd name="T17" fmla="*/ 2 h 230"/>
                    <a:gd name="T18" fmla="*/ 132 w 148"/>
                    <a:gd name="T19" fmla="*/ 0 h 230"/>
                    <a:gd name="T20" fmla="*/ 139 w 148"/>
                    <a:gd name="T21" fmla="*/ 6 h 230"/>
                    <a:gd name="T22" fmla="*/ 147 w 148"/>
                    <a:gd name="T23" fmla="*/ 21 h 2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48" h="230">
                      <a:moveTo>
                        <a:pt x="0" y="229"/>
                      </a:moveTo>
                      <a:lnTo>
                        <a:pt x="21" y="177"/>
                      </a:lnTo>
                      <a:lnTo>
                        <a:pt x="40" y="121"/>
                      </a:lnTo>
                      <a:lnTo>
                        <a:pt x="49" y="96"/>
                      </a:lnTo>
                      <a:lnTo>
                        <a:pt x="62" y="68"/>
                      </a:lnTo>
                      <a:lnTo>
                        <a:pt x="80" y="37"/>
                      </a:lnTo>
                      <a:lnTo>
                        <a:pt x="94" y="18"/>
                      </a:lnTo>
                      <a:lnTo>
                        <a:pt x="104" y="9"/>
                      </a:lnTo>
                      <a:lnTo>
                        <a:pt x="118" y="2"/>
                      </a:lnTo>
                      <a:lnTo>
                        <a:pt x="132" y="0"/>
                      </a:lnTo>
                      <a:lnTo>
                        <a:pt x="139" y="6"/>
                      </a:lnTo>
                      <a:lnTo>
                        <a:pt x="147" y="21"/>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1" name="Freeform 70"/>
                <p:cNvSpPr>
                  <a:spLocks/>
                </p:cNvSpPr>
                <p:nvPr/>
              </p:nvSpPr>
              <p:spPr bwMode="ltGray">
                <a:xfrm>
                  <a:off x="5072" y="3830"/>
                  <a:ext cx="117" cy="390"/>
                </a:xfrm>
                <a:custGeom>
                  <a:avLst/>
                  <a:gdLst>
                    <a:gd name="T0" fmla="*/ 116 w 117"/>
                    <a:gd name="T1" fmla="*/ 389 h 390"/>
                    <a:gd name="T2" fmla="*/ 93 w 117"/>
                    <a:gd name="T3" fmla="*/ 156 h 390"/>
                    <a:gd name="T4" fmla="*/ 75 w 117"/>
                    <a:gd name="T5" fmla="*/ 40 h 390"/>
                    <a:gd name="T6" fmla="*/ 69 w 117"/>
                    <a:gd name="T7" fmla="*/ 16 h 390"/>
                    <a:gd name="T8" fmla="*/ 60 w 117"/>
                    <a:gd name="T9" fmla="*/ 4 h 390"/>
                    <a:gd name="T10" fmla="*/ 43 w 117"/>
                    <a:gd name="T11" fmla="*/ 0 h 390"/>
                    <a:gd name="T12" fmla="*/ 28 w 117"/>
                    <a:gd name="T13" fmla="*/ 4 h 390"/>
                    <a:gd name="T14" fmla="*/ 13 w 117"/>
                    <a:gd name="T15" fmla="*/ 17 h 390"/>
                    <a:gd name="T16" fmla="*/ 0 w 117"/>
                    <a:gd name="T17" fmla="*/ 39 h 3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117" h="390">
                      <a:moveTo>
                        <a:pt x="116" y="389"/>
                      </a:moveTo>
                      <a:lnTo>
                        <a:pt x="93" y="156"/>
                      </a:lnTo>
                      <a:lnTo>
                        <a:pt x="75" y="40"/>
                      </a:lnTo>
                      <a:lnTo>
                        <a:pt x="69" y="16"/>
                      </a:lnTo>
                      <a:lnTo>
                        <a:pt x="60" y="4"/>
                      </a:lnTo>
                      <a:lnTo>
                        <a:pt x="43" y="0"/>
                      </a:lnTo>
                      <a:lnTo>
                        <a:pt x="28" y="4"/>
                      </a:lnTo>
                      <a:lnTo>
                        <a:pt x="13" y="17"/>
                      </a:lnTo>
                      <a:lnTo>
                        <a:pt x="0" y="39"/>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2" name="Freeform 71"/>
                <p:cNvSpPr>
                  <a:spLocks/>
                </p:cNvSpPr>
                <p:nvPr/>
              </p:nvSpPr>
              <p:spPr bwMode="ltGray">
                <a:xfrm>
                  <a:off x="5086" y="3328"/>
                  <a:ext cx="158" cy="988"/>
                </a:xfrm>
                <a:custGeom>
                  <a:avLst/>
                  <a:gdLst>
                    <a:gd name="T0" fmla="*/ 156 w 158"/>
                    <a:gd name="T1" fmla="*/ 987 h 988"/>
                    <a:gd name="T2" fmla="*/ 157 w 158"/>
                    <a:gd name="T3" fmla="*/ 844 h 988"/>
                    <a:gd name="T4" fmla="*/ 157 w 158"/>
                    <a:gd name="T5" fmla="*/ 778 h 988"/>
                    <a:gd name="T6" fmla="*/ 153 w 158"/>
                    <a:gd name="T7" fmla="*/ 732 h 988"/>
                    <a:gd name="T8" fmla="*/ 151 w 158"/>
                    <a:gd name="T9" fmla="*/ 676 h 988"/>
                    <a:gd name="T10" fmla="*/ 152 w 158"/>
                    <a:gd name="T11" fmla="*/ 618 h 988"/>
                    <a:gd name="T12" fmla="*/ 150 w 158"/>
                    <a:gd name="T13" fmla="*/ 569 h 988"/>
                    <a:gd name="T14" fmla="*/ 146 w 158"/>
                    <a:gd name="T15" fmla="*/ 526 h 988"/>
                    <a:gd name="T16" fmla="*/ 141 w 158"/>
                    <a:gd name="T17" fmla="*/ 448 h 988"/>
                    <a:gd name="T18" fmla="*/ 133 w 158"/>
                    <a:gd name="T19" fmla="*/ 363 h 988"/>
                    <a:gd name="T20" fmla="*/ 123 w 158"/>
                    <a:gd name="T21" fmla="*/ 277 h 988"/>
                    <a:gd name="T22" fmla="*/ 115 w 158"/>
                    <a:gd name="T23" fmla="*/ 185 h 988"/>
                    <a:gd name="T24" fmla="*/ 109 w 158"/>
                    <a:gd name="T25" fmla="*/ 131 h 988"/>
                    <a:gd name="T26" fmla="*/ 103 w 158"/>
                    <a:gd name="T27" fmla="*/ 109 h 988"/>
                    <a:gd name="T28" fmla="*/ 88 w 158"/>
                    <a:gd name="T29" fmla="*/ 72 h 988"/>
                    <a:gd name="T30" fmla="*/ 76 w 158"/>
                    <a:gd name="T31" fmla="*/ 45 h 988"/>
                    <a:gd name="T32" fmla="*/ 60 w 158"/>
                    <a:gd name="T33" fmla="*/ 23 h 988"/>
                    <a:gd name="T34" fmla="*/ 44 w 158"/>
                    <a:gd name="T35" fmla="*/ 5 h 988"/>
                    <a:gd name="T36" fmla="*/ 33 w 158"/>
                    <a:gd name="T37" fmla="*/ 0 h 988"/>
                    <a:gd name="T38" fmla="*/ 18 w 158"/>
                    <a:gd name="T39" fmla="*/ 0 h 988"/>
                    <a:gd name="T40" fmla="*/ 6 w 158"/>
                    <a:gd name="T41" fmla="*/ 5 h 988"/>
                    <a:gd name="T42" fmla="*/ 0 w 158"/>
                    <a:gd name="T43" fmla="*/ 16 h 98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58" h="988">
                      <a:moveTo>
                        <a:pt x="156" y="987"/>
                      </a:moveTo>
                      <a:lnTo>
                        <a:pt x="157" y="844"/>
                      </a:lnTo>
                      <a:lnTo>
                        <a:pt x="157" y="778"/>
                      </a:lnTo>
                      <a:lnTo>
                        <a:pt x="153" y="732"/>
                      </a:lnTo>
                      <a:lnTo>
                        <a:pt x="151" y="676"/>
                      </a:lnTo>
                      <a:lnTo>
                        <a:pt x="152" y="618"/>
                      </a:lnTo>
                      <a:lnTo>
                        <a:pt x="150" y="569"/>
                      </a:lnTo>
                      <a:lnTo>
                        <a:pt x="146" y="526"/>
                      </a:lnTo>
                      <a:lnTo>
                        <a:pt x="141" y="448"/>
                      </a:lnTo>
                      <a:lnTo>
                        <a:pt x="133" y="363"/>
                      </a:lnTo>
                      <a:lnTo>
                        <a:pt x="123" y="277"/>
                      </a:lnTo>
                      <a:lnTo>
                        <a:pt x="115" y="185"/>
                      </a:lnTo>
                      <a:lnTo>
                        <a:pt x="109" y="131"/>
                      </a:lnTo>
                      <a:lnTo>
                        <a:pt x="103" y="109"/>
                      </a:lnTo>
                      <a:lnTo>
                        <a:pt x="88" y="72"/>
                      </a:lnTo>
                      <a:lnTo>
                        <a:pt x="76" y="45"/>
                      </a:lnTo>
                      <a:lnTo>
                        <a:pt x="60" y="23"/>
                      </a:lnTo>
                      <a:lnTo>
                        <a:pt x="44" y="5"/>
                      </a:lnTo>
                      <a:lnTo>
                        <a:pt x="33" y="0"/>
                      </a:lnTo>
                      <a:lnTo>
                        <a:pt x="18" y="0"/>
                      </a:lnTo>
                      <a:lnTo>
                        <a:pt x="6" y="5"/>
                      </a:lnTo>
                      <a:lnTo>
                        <a:pt x="0" y="16"/>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3" name="Freeform 72"/>
                <p:cNvSpPr>
                  <a:spLocks/>
                </p:cNvSpPr>
                <p:nvPr/>
              </p:nvSpPr>
              <p:spPr bwMode="ltGray">
                <a:xfrm>
                  <a:off x="5072" y="3692"/>
                  <a:ext cx="163" cy="317"/>
                </a:xfrm>
                <a:custGeom>
                  <a:avLst/>
                  <a:gdLst>
                    <a:gd name="T0" fmla="*/ 162 w 163"/>
                    <a:gd name="T1" fmla="*/ 316 h 317"/>
                    <a:gd name="T2" fmla="*/ 138 w 163"/>
                    <a:gd name="T3" fmla="*/ 245 h 317"/>
                    <a:gd name="T4" fmla="*/ 117 w 163"/>
                    <a:gd name="T5" fmla="*/ 167 h 317"/>
                    <a:gd name="T6" fmla="*/ 106 w 163"/>
                    <a:gd name="T7" fmla="*/ 133 h 317"/>
                    <a:gd name="T8" fmla="*/ 92 w 163"/>
                    <a:gd name="T9" fmla="*/ 94 h 317"/>
                    <a:gd name="T10" fmla="*/ 72 w 163"/>
                    <a:gd name="T11" fmla="*/ 52 h 317"/>
                    <a:gd name="T12" fmla="*/ 57 w 163"/>
                    <a:gd name="T13" fmla="*/ 26 h 317"/>
                    <a:gd name="T14" fmla="*/ 46 w 163"/>
                    <a:gd name="T15" fmla="*/ 14 h 317"/>
                    <a:gd name="T16" fmla="*/ 32 w 163"/>
                    <a:gd name="T17" fmla="*/ 4 h 317"/>
                    <a:gd name="T18" fmla="*/ 15 w 163"/>
                    <a:gd name="T19" fmla="*/ 0 h 317"/>
                    <a:gd name="T20" fmla="*/ 8 w 163"/>
                    <a:gd name="T21" fmla="*/ 9 h 317"/>
                    <a:gd name="T22" fmla="*/ 0 w 163"/>
                    <a:gd name="T23" fmla="*/ 28 h 31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63" h="317">
                      <a:moveTo>
                        <a:pt x="162" y="316"/>
                      </a:moveTo>
                      <a:lnTo>
                        <a:pt x="138" y="245"/>
                      </a:lnTo>
                      <a:lnTo>
                        <a:pt x="117" y="167"/>
                      </a:lnTo>
                      <a:lnTo>
                        <a:pt x="106" y="133"/>
                      </a:lnTo>
                      <a:lnTo>
                        <a:pt x="92" y="94"/>
                      </a:lnTo>
                      <a:lnTo>
                        <a:pt x="72" y="52"/>
                      </a:lnTo>
                      <a:lnTo>
                        <a:pt x="57" y="26"/>
                      </a:lnTo>
                      <a:lnTo>
                        <a:pt x="46" y="14"/>
                      </a:lnTo>
                      <a:lnTo>
                        <a:pt x="32" y="4"/>
                      </a:lnTo>
                      <a:lnTo>
                        <a:pt x="15" y="0"/>
                      </a:lnTo>
                      <a:lnTo>
                        <a:pt x="8" y="9"/>
                      </a:lnTo>
                      <a:lnTo>
                        <a:pt x="0" y="28"/>
                      </a:lnTo>
                    </a:path>
                  </a:pathLst>
                </a:custGeom>
                <a:solidFill>
                  <a:srgbClr val="CEDA9D"/>
                </a:solidFill>
                <a:ln w="127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4" name="Freeform 73"/>
                <p:cNvSpPr>
                  <a:spLocks/>
                </p:cNvSpPr>
                <p:nvPr/>
              </p:nvSpPr>
              <p:spPr bwMode="ltGray">
                <a:xfrm>
                  <a:off x="5357" y="3974"/>
                  <a:ext cx="157" cy="347"/>
                </a:xfrm>
                <a:custGeom>
                  <a:avLst/>
                  <a:gdLst>
                    <a:gd name="T0" fmla="*/ 156 w 157"/>
                    <a:gd name="T1" fmla="*/ 346 h 347"/>
                    <a:gd name="T2" fmla="*/ 133 w 157"/>
                    <a:gd name="T3" fmla="*/ 313 h 347"/>
                    <a:gd name="T4" fmla="*/ 123 w 157"/>
                    <a:gd name="T5" fmla="*/ 292 h 347"/>
                    <a:gd name="T6" fmla="*/ 117 w 157"/>
                    <a:gd name="T7" fmla="*/ 275 h 347"/>
                    <a:gd name="T8" fmla="*/ 82 w 157"/>
                    <a:gd name="T9" fmla="*/ 116 h 347"/>
                    <a:gd name="T10" fmla="*/ 64 w 157"/>
                    <a:gd name="T11" fmla="*/ 65 h 347"/>
                    <a:gd name="T12" fmla="*/ 50 w 157"/>
                    <a:gd name="T13" fmla="*/ 32 h 347"/>
                    <a:gd name="T14" fmla="*/ 39 w 157"/>
                    <a:gd name="T15" fmla="*/ 17 h 347"/>
                    <a:gd name="T16" fmla="*/ 27 w 157"/>
                    <a:gd name="T17" fmla="*/ 4 h 347"/>
                    <a:gd name="T18" fmla="*/ 13 w 157"/>
                    <a:gd name="T19" fmla="*/ 0 h 347"/>
                    <a:gd name="T20" fmla="*/ 4 w 157"/>
                    <a:gd name="T21" fmla="*/ 3 h 347"/>
                    <a:gd name="T22" fmla="*/ 0 w 157"/>
                    <a:gd name="T23" fmla="*/ 23 h 34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57" h="347">
                      <a:moveTo>
                        <a:pt x="156" y="346"/>
                      </a:moveTo>
                      <a:lnTo>
                        <a:pt x="133" y="313"/>
                      </a:lnTo>
                      <a:lnTo>
                        <a:pt x="123" y="292"/>
                      </a:lnTo>
                      <a:lnTo>
                        <a:pt x="117" y="275"/>
                      </a:lnTo>
                      <a:lnTo>
                        <a:pt x="82" y="116"/>
                      </a:lnTo>
                      <a:lnTo>
                        <a:pt x="64" y="65"/>
                      </a:lnTo>
                      <a:lnTo>
                        <a:pt x="50" y="32"/>
                      </a:lnTo>
                      <a:lnTo>
                        <a:pt x="39" y="17"/>
                      </a:lnTo>
                      <a:lnTo>
                        <a:pt x="27" y="4"/>
                      </a:lnTo>
                      <a:lnTo>
                        <a:pt x="13" y="0"/>
                      </a:lnTo>
                      <a:lnTo>
                        <a:pt x="4" y="3"/>
                      </a:lnTo>
                      <a:lnTo>
                        <a:pt x="0" y="23"/>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5" name="Freeform 74"/>
                <p:cNvSpPr>
                  <a:spLocks/>
                </p:cNvSpPr>
                <p:nvPr/>
              </p:nvSpPr>
              <p:spPr bwMode="ltGray">
                <a:xfrm>
                  <a:off x="4948" y="3692"/>
                  <a:ext cx="340" cy="526"/>
                </a:xfrm>
                <a:custGeom>
                  <a:avLst/>
                  <a:gdLst>
                    <a:gd name="T0" fmla="*/ 339 w 340"/>
                    <a:gd name="T1" fmla="*/ 525 h 526"/>
                    <a:gd name="T2" fmla="*/ 329 w 340"/>
                    <a:gd name="T3" fmla="*/ 483 h 526"/>
                    <a:gd name="T4" fmla="*/ 222 w 340"/>
                    <a:gd name="T5" fmla="*/ 198 h 526"/>
                    <a:gd name="T6" fmla="*/ 175 w 340"/>
                    <a:gd name="T7" fmla="*/ 110 h 526"/>
                    <a:gd name="T8" fmla="*/ 161 w 340"/>
                    <a:gd name="T9" fmla="*/ 80 h 526"/>
                    <a:gd name="T10" fmla="*/ 143 w 340"/>
                    <a:gd name="T11" fmla="*/ 47 h 526"/>
                    <a:gd name="T12" fmla="*/ 121 w 340"/>
                    <a:gd name="T13" fmla="*/ 23 h 526"/>
                    <a:gd name="T14" fmla="*/ 102 w 340"/>
                    <a:gd name="T15" fmla="*/ 9 h 526"/>
                    <a:gd name="T16" fmla="*/ 77 w 340"/>
                    <a:gd name="T17" fmla="*/ 0 h 526"/>
                    <a:gd name="T18" fmla="*/ 53 w 340"/>
                    <a:gd name="T19" fmla="*/ 0 h 526"/>
                    <a:gd name="T20" fmla="*/ 35 w 340"/>
                    <a:gd name="T21" fmla="*/ 9 h 526"/>
                    <a:gd name="T22" fmla="*/ 0 w 340"/>
                    <a:gd name="T23" fmla="*/ 58 h 5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0" h="526">
                      <a:moveTo>
                        <a:pt x="339" y="525"/>
                      </a:moveTo>
                      <a:lnTo>
                        <a:pt x="329" y="483"/>
                      </a:lnTo>
                      <a:lnTo>
                        <a:pt x="222" y="198"/>
                      </a:lnTo>
                      <a:lnTo>
                        <a:pt x="175" y="110"/>
                      </a:lnTo>
                      <a:lnTo>
                        <a:pt x="161" y="80"/>
                      </a:lnTo>
                      <a:lnTo>
                        <a:pt x="143" y="47"/>
                      </a:lnTo>
                      <a:lnTo>
                        <a:pt x="121" y="23"/>
                      </a:lnTo>
                      <a:lnTo>
                        <a:pt x="102" y="9"/>
                      </a:lnTo>
                      <a:lnTo>
                        <a:pt x="77" y="0"/>
                      </a:lnTo>
                      <a:lnTo>
                        <a:pt x="53" y="0"/>
                      </a:lnTo>
                      <a:lnTo>
                        <a:pt x="35" y="9"/>
                      </a:lnTo>
                      <a:lnTo>
                        <a:pt x="0" y="58"/>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6" name="Freeform 75"/>
                <p:cNvSpPr>
                  <a:spLocks/>
                </p:cNvSpPr>
                <p:nvPr/>
              </p:nvSpPr>
              <p:spPr bwMode="ltGray">
                <a:xfrm>
                  <a:off x="5183" y="3343"/>
                  <a:ext cx="338" cy="870"/>
                </a:xfrm>
                <a:custGeom>
                  <a:avLst/>
                  <a:gdLst>
                    <a:gd name="T0" fmla="*/ 0 w 338"/>
                    <a:gd name="T1" fmla="*/ 869 h 870"/>
                    <a:gd name="T2" fmla="*/ 89 w 338"/>
                    <a:gd name="T3" fmla="*/ 622 h 870"/>
                    <a:gd name="T4" fmla="*/ 137 w 338"/>
                    <a:gd name="T5" fmla="*/ 499 h 870"/>
                    <a:gd name="T6" fmla="*/ 179 w 338"/>
                    <a:gd name="T7" fmla="*/ 381 h 870"/>
                    <a:gd name="T8" fmla="*/ 205 w 338"/>
                    <a:gd name="T9" fmla="*/ 299 h 870"/>
                    <a:gd name="T10" fmla="*/ 217 w 338"/>
                    <a:gd name="T11" fmla="*/ 256 h 870"/>
                    <a:gd name="T12" fmla="*/ 225 w 338"/>
                    <a:gd name="T13" fmla="*/ 209 h 870"/>
                    <a:gd name="T14" fmla="*/ 235 w 338"/>
                    <a:gd name="T15" fmla="*/ 166 h 870"/>
                    <a:gd name="T16" fmla="*/ 251 w 338"/>
                    <a:gd name="T17" fmla="*/ 114 h 870"/>
                    <a:gd name="T18" fmla="*/ 269 w 338"/>
                    <a:gd name="T19" fmla="*/ 68 h 870"/>
                    <a:gd name="T20" fmla="*/ 292 w 338"/>
                    <a:gd name="T21" fmla="*/ 27 h 870"/>
                    <a:gd name="T22" fmla="*/ 309 w 338"/>
                    <a:gd name="T23" fmla="*/ 2 h 870"/>
                    <a:gd name="T24" fmla="*/ 320 w 338"/>
                    <a:gd name="T25" fmla="*/ 0 h 870"/>
                    <a:gd name="T26" fmla="*/ 331 w 338"/>
                    <a:gd name="T27" fmla="*/ 12 h 870"/>
                    <a:gd name="T28" fmla="*/ 337 w 338"/>
                    <a:gd name="T29" fmla="*/ 58 h 8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338" h="870">
                      <a:moveTo>
                        <a:pt x="0" y="869"/>
                      </a:moveTo>
                      <a:lnTo>
                        <a:pt x="89" y="622"/>
                      </a:lnTo>
                      <a:lnTo>
                        <a:pt x="137" y="499"/>
                      </a:lnTo>
                      <a:lnTo>
                        <a:pt x="179" y="381"/>
                      </a:lnTo>
                      <a:lnTo>
                        <a:pt x="205" y="299"/>
                      </a:lnTo>
                      <a:lnTo>
                        <a:pt x="217" y="256"/>
                      </a:lnTo>
                      <a:lnTo>
                        <a:pt x="225" y="209"/>
                      </a:lnTo>
                      <a:lnTo>
                        <a:pt x="235" y="166"/>
                      </a:lnTo>
                      <a:lnTo>
                        <a:pt x="251" y="114"/>
                      </a:lnTo>
                      <a:lnTo>
                        <a:pt x="269" y="68"/>
                      </a:lnTo>
                      <a:lnTo>
                        <a:pt x="292" y="27"/>
                      </a:lnTo>
                      <a:lnTo>
                        <a:pt x="309" y="2"/>
                      </a:lnTo>
                      <a:lnTo>
                        <a:pt x="320" y="0"/>
                      </a:lnTo>
                      <a:lnTo>
                        <a:pt x="331" y="12"/>
                      </a:lnTo>
                      <a:lnTo>
                        <a:pt x="337" y="58"/>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7" name="Freeform 76"/>
                <p:cNvSpPr>
                  <a:spLocks/>
                </p:cNvSpPr>
                <p:nvPr/>
              </p:nvSpPr>
              <p:spPr bwMode="ltGray">
                <a:xfrm>
                  <a:off x="5266" y="3703"/>
                  <a:ext cx="248" cy="299"/>
                </a:xfrm>
                <a:custGeom>
                  <a:avLst/>
                  <a:gdLst>
                    <a:gd name="T0" fmla="*/ 0 w 248"/>
                    <a:gd name="T1" fmla="*/ 298 h 299"/>
                    <a:gd name="T2" fmla="*/ 46 w 248"/>
                    <a:gd name="T3" fmla="*/ 233 h 299"/>
                    <a:gd name="T4" fmla="*/ 75 w 248"/>
                    <a:gd name="T5" fmla="*/ 159 h 299"/>
                    <a:gd name="T6" fmla="*/ 90 w 248"/>
                    <a:gd name="T7" fmla="*/ 126 h 299"/>
                    <a:gd name="T8" fmla="*/ 111 w 248"/>
                    <a:gd name="T9" fmla="*/ 87 h 299"/>
                    <a:gd name="T10" fmla="*/ 140 w 248"/>
                    <a:gd name="T11" fmla="*/ 47 h 299"/>
                    <a:gd name="T12" fmla="*/ 161 w 248"/>
                    <a:gd name="T13" fmla="*/ 23 h 299"/>
                    <a:gd name="T14" fmla="*/ 176 w 248"/>
                    <a:gd name="T15" fmla="*/ 11 h 299"/>
                    <a:gd name="T16" fmla="*/ 199 w 248"/>
                    <a:gd name="T17" fmla="*/ 1 h 299"/>
                    <a:gd name="T18" fmla="*/ 223 w 248"/>
                    <a:gd name="T19" fmla="*/ 0 h 299"/>
                    <a:gd name="T20" fmla="*/ 233 w 248"/>
                    <a:gd name="T21" fmla="*/ 14 h 299"/>
                    <a:gd name="T22" fmla="*/ 247 w 248"/>
                    <a:gd name="T23" fmla="*/ 36 h 29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48" h="299">
                      <a:moveTo>
                        <a:pt x="0" y="298"/>
                      </a:moveTo>
                      <a:lnTo>
                        <a:pt x="46" y="233"/>
                      </a:lnTo>
                      <a:lnTo>
                        <a:pt x="75" y="159"/>
                      </a:lnTo>
                      <a:lnTo>
                        <a:pt x="90" y="126"/>
                      </a:lnTo>
                      <a:lnTo>
                        <a:pt x="111" y="87"/>
                      </a:lnTo>
                      <a:lnTo>
                        <a:pt x="140" y="47"/>
                      </a:lnTo>
                      <a:lnTo>
                        <a:pt x="161" y="23"/>
                      </a:lnTo>
                      <a:lnTo>
                        <a:pt x="176" y="11"/>
                      </a:lnTo>
                      <a:lnTo>
                        <a:pt x="199" y="1"/>
                      </a:lnTo>
                      <a:lnTo>
                        <a:pt x="223" y="0"/>
                      </a:lnTo>
                      <a:lnTo>
                        <a:pt x="233" y="14"/>
                      </a:lnTo>
                      <a:lnTo>
                        <a:pt x="247" y="36"/>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8" name="Freeform 77"/>
                <p:cNvSpPr>
                  <a:spLocks/>
                </p:cNvSpPr>
                <p:nvPr/>
              </p:nvSpPr>
              <p:spPr bwMode="ltGray">
                <a:xfrm>
                  <a:off x="5164" y="3809"/>
                  <a:ext cx="119" cy="146"/>
                </a:xfrm>
                <a:custGeom>
                  <a:avLst/>
                  <a:gdLst>
                    <a:gd name="T0" fmla="*/ 0 w 119"/>
                    <a:gd name="T1" fmla="*/ 0 h 146"/>
                    <a:gd name="T2" fmla="*/ 19 w 119"/>
                    <a:gd name="T3" fmla="*/ 9 h 146"/>
                    <a:gd name="T4" fmla="*/ 44 w 119"/>
                    <a:gd name="T5" fmla="*/ 19 h 146"/>
                    <a:gd name="T6" fmla="*/ 65 w 119"/>
                    <a:gd name="T7" fmla="*/ 40 h 146"/>
                    <a:gd name="T8" fmla="*/ 85 w 119"/>
                    <a:gd name="T9" fmla="*/ 57 h 146"/>
                    <a:gd name="T10" fmla="*/ 101 w 119"/>
                    <a:gd name="T11" fmla="*/ 75 h 146"/>
                    <a:gd name="T12" fmla="*/ 109 w 119"/>
                    <a:gd name="T13" fmla="*/ 91 h 146"/>
                    <a:gd name="T14" fmla="*/ 115 w 119"/>
                    <a:gd name="T15" fmla="*/ 105 h 146"/>
                    <a:gd name="T16" fmla="*/ 118 w 119"/>
                    <a:gd name="T17" fmla="*/ 125 h 146"/>
                    <a:gd name="T18" fmla="*/ 118 w 119"/>
                    <a:gd name="T19" fmla="*/ 145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19" h="146">
                      <a:moveTo>
                        <a:pt x="0" y="0"/>
                      </a:moveTo>
                      <a:lnTo>
                        <a:pt x="19" y="9"/>
                      </a:lnTo>
                      <a:lnTo>
                        <a:pt x="44" y="19"/>
                      </a:lnTo>
                      <a:lnTo>
                        <a:pt x="65" y="40"/>
                      </a:lnTo>
                      <a:lnTo>
                        <a:pt x="85" y="57"/>
                      </a:lnTo>
                      <a:lnTo>
                        <a:pt x="101" y="75"/>
                      </a:lnTo>
                      <a:lnTo>
                        <a:pt x="109" y="91"/>
                      </a:lnTo>
                      <a:lnTo>
                        <a:pt x="115" y="105"/>
                      </a:lnTo>
                      <a:lnTo>
                        <a:pt x="118" y="125"/>
                      </a:lnTo>
                      <a:lnTo>
                        <a:pt x="118" y="145"/>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49" name="Freeform 78"/>
                <p:cNvSpPr>
                  <a:spLocks/>
                </p:cNvSpPr>
                <p:nvPr/>
              </p:nvSpPr>
              <p:spPr bwMode="ltGray">
                <a:xfrm>
                  <a:off x="5545" y="3616"/>
                  <a:ext cx="100" cy="574"/>
                </a:xfrm>
                <a:custGeom>
                  <a:avLst/>
                  <a:gdLst>
                    <a:gd name="T0" fmla="*/ 0 w 100"/>
                    <a:gd name="T1" fmla="*/ 573 h 574"/>
                    <a:gd name="T2" fmla="*/ 0 w 100"/>
                    <a:gd name="T3" fmla="*/ 519 h 574"/>
                    <a:gd name="T4" fmla="*/ 0 w 100"/>
                    <a:gd name="T5" fmla="*/ 479 h 574"/>
                    <a:gd name="T6" fmla="*/ 2 w 100"/>
                    <a:gd name="T7" fmla="*/ 450 h 574"/>
                    <a:gd name="T8" fmla="*/ 3 w 100"/>
                    <a:gd name="T9" fmla="*/ 416 h 574"/>
                    <a:gd name="T10" fmla="*/ 3 w 100"/>
                    <a:gd name="T11" fmla="*/ 380 h 574"/>
                    <a:gd name="T12" fmla="*/ 4 w 100"/>
                    <a:gd name="T13" fmla="*/ 351 h 574"/>
                    <a:gd name="T14" fmla="*/ 6 w 100"/>
                    <a:gd name="T15" fmla="*/ 323 h 574"/>
                    <a:gd name="T16" fmla="*/ 9 w 100"/>
                    <a:gd name="T17" fmla="*/ 276 h 574"/>
                    <a:gd name="T18" fmla="*/ 14 w 100"/>
                    <a:gd name="T19" fmla="*/ 223 h 574"/>
                    <a:gd name="T20" fmla="*/ 21 w 100"/>
                    <a:gd name="T21" fmla="*/ 170 h 574"/>
                    <a:gd name="T22" fmla="*/ 26 w 100"/>
                    <a:gd name="T23" fmla="*/ 114 h 574"/>
                    <a:gd name="T24" fmla="*/ 30 w 100"/>
                    <a:gd name="T25" fmla="*/ 80 h 574"/>
                    <a:gd name="T26" fmla="*/ 33 w 100"/>
                    <a:gd name="T27" fmla="*/ 67 h 574"/>
                    <a:gd name="T28" fmla="*/ 42 w 100"/>
                    <a:gd name="T29" fmla="*/ 44 h 574"/>
                    <a:gd name="T30" fmla="*/ 51 w 100"/>
                    <a:gd name="T31" fmla="*/ 28 h 574"/>
                    <a:gd name="T32" fmla="*/ 61 w 100"/>
                    <a:gd name="T33" fmla="*/ 14 h 574"/>
                    <a:gd name="T34" fmla="*/ 71 w 100"/>
                    <a:gd name="T35" fmla="*/ 3 h 574"/>
                    <a:gd name="T36" fmla="*/ 77 w 100"/>
                    <a:gd name="T37" fmla="*/ 0 h 574"/>
                    <a:gd name="T38" fmla="*/ 87 w 100"/>
                    <a:gd name="T39" fmla="*/ 0 h 574"/>
                    <a:gd name="T40" fmla="*/ 95 w 100"/>
                    <a:gd name="T41" fmla="*/ 4 h 574"/>
                    <a:gd name="T42" fmla="*/ 99 w 100"/>
                    <a:gd name="T43" fmla="*/ 9 h 57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100" h="574">
                      <a:moveTo>
                        <a:pt x="0" y="573"/>
                      </a:moveTo>
                      <a:lnTo>
                        <a:pt x="0" y="519"/>
                      </a:lnTo>
                      <a:lnTo>
                        <a:pt x="0" y="479"/>
                      </a:lnTo>
                      <a:lnTo>
                        <a:pt x="2" y="450"/>
                      </a:lnTo>
                      <a:lnTo>
                        <a:pt x="3" y="416"/>
                      </a:lnTo>
                      <a:lnTo>
                        <a:pt x="3" y="380"/>
                      </a:lnTo>
                      <a:lnTo>
                        <a:pt x="4" y="351"/>
                      </a:lnTo>
                      <a:lnTo>
                        <a:pt x="6" y="323"/>
                      </a:lnTo>
                      <a:lnTo>
                        <a:pt x="9" y="276"/>
                      </a:lnTo>
                      <a:lnTo>
                        <a:pt x="14" y="223"/>
                      </a:lnTo>
                      <a:lnTo>
                        <a:pt x="21" y="170"/>
                      </a:lnTo>
                      <a:lnTo>
                        <a:pt x="26" y="114"/>
                      </a:lnTo>
                      <a:lnTo>
                        <a:pt x="30" y="80"/>
                      </a:lnTo>
                      <a:lnTo>
                        <a:pt x="33" y="67"/>
                      </a:lnTo>
                      <a:lnTo>
                        <a:pt x="42" y="44"/>
                      </a:lnTo>
                      <a:lnTo>
                        <a:pt x="51" y="28"/>
                      </a:lnTo>
                      <a:lnTo>
                        <a:pt x="61" y="14"/>
                      </a:lnTo>
                      <a:lnTo>
                        <a:pt x="71" y="3"/>
                      </a:lnTo>
                      <a:lnTo>
                        <a:pt x="77" y="0"/>
                      </a:lnTo>
                      <a:lnTo>
                        <a:pt x="87" y="0"/>
                      </a:lnTo>
                      <a:lnTo>
                        <a:pt x="95" y="4"/>
                      </a:lnTo>
                      <a:lnTo>
                        <a:pt x="99" y="9"/>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0" name="Freeform 79"/>
                <p:cNvSpPr>
                  <a:spLocks/>
                </p:cNvSpPr>
                <p:nvPr/>
              </p:nvSpPr>
              <p:spPr bwMode="ltGray">
                <a:xfrm>
                  <a:off x="5433" y="3986"/>
                  <a:ext cx="124" cy="161"/>
                </a:xfrm>
                <a:custGeom>
                  <a:avLst/>
                  <a:gdLst>
                    <a:gd name="T0" fmla="*/ 123 w 124"/>
                    <a:gd name="T1" fmla="*/ 160 h 161"/>
                    <a:gd name="T2" fmla="*/ 104 w 124"/>
                    <a:gd name="T3" fmla="*/ 124 h 161"/>
                    <a:gd name="T4" fmla="*/ 89 w 124"/>
                    <a:gd name="T5" fmla="*/ 84 h 161"/>
                    <a:gd name="T6" fmla="*/ 81 w 124"/>
                    <a:gd name="T7" fmla="*/ 67 h 161"/>
                    <a:gd name="T8" fmla="*/ 70 w 124"/>
                    <a:gd name="T9" fmla="*/ 47 h 161"/>
                    <a:gd name="T10" fmla="*/ 55 w 124"/>
                    <a:gd name="T11" fmla="*/ 26 h 161"/>
                    <a:gd name="T12" fmla="*/ 44 w 124"/>
                    <a:gd name="T13" fmla="*/ 13 h 161"/>
                    <a:gd name="T14" fmla="*/ 35 w 124"/>
                    <a:gd name="T15" fmla="*/ 7 h 161"/>
                    <a:gd name="T16" fmla="*/ 24 w 124"/>
                    <a:gd name="T17" fmla="*/ 1 h 161"/>
                    <a:gd name="T18" fmla="*/ 11 w 124"/>
                    <a:gd name="T19" fmla="*/ 0 h 161"/>
                    <a:gd name="T20" fmla="*/ 5 w 124"/>
                    <a:gd name="T21" fmla="*/ 4 h 161"/>
                    <a:gd name="T22" fmla="*/ 0 w 124"/>
                    <a:gd name="T23" fmla="*/ 14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24" h="161">
                      <a:moveTo>
                        <a:pt x="123" y="160"/>
                      </a:moveTo>
                      <a:lnTo>
                        <a:pt x="104" y="124"/>
                      </a:lnTo>
                      <a:lnTo>
                        <a:pt x="89" y="84"/>
                      </a:lnTo>
                      <a:lnTo>
                        <a:pt x="81" y="67"/>
                      </a:lnTo>
                      <a:lnTo>
                        <a:pt x="70" y="47"/>
                      </a:lnTo>
                      <a:lnTo>
                        <a:pt x="55" y="26"/>
                      </a:lnTo>
                      <a:lnTo>
                        <a:pt x="44" y="13"/>
                      </a:lnTo>
                      <a:lnTo>
                        <a:pt x="35" y="7"/>
                      </a:lnTo>
                      <a:lnTo>
                        <a:pt x="24" y="1"/>
                      </a:lnTo>
                      <a:lnTo>
                        <a:pt x="11" y="0"/>
                      </a:lnTo>
                      <a:lnTo>
                        <a:pt x="5" y="4"/>
                      </a:lnTo>
                      <a:lnTo>
                        <a:pt x="0" y="14"/>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1" name="Freeform 80"/>
                <p:cNvSpPr>
                  <a:spLocks/>
                </p:cNvSpPr>
                <p:nvPr/>
              </p:nvSpPr>
              <p:spPr bwMode="ltGray">
                <a:xfrm>
                  <a:off x="5472" y="3794"/>
                  <a:ext cx="84" cy="400"/>
                </a:xfrm>
                <a:custGeom>
                  <a:avLst/>
                  <a:gdLst>
                    <a:gd name="T0" fmla="*/ 82 w 84"/>
                    <a:gd name="T1" fmla="*/ 399 h 400"/>
                    <a:gd name="T2" fmla="*/ 83 w 84"/>
                    <a:gd name="T3" fmla="*/ 361 h 400"/>
                    <a:gd name="T4" fmla="*/ 83 w 84"/>
                    <a:gd name="T5" fmla="*/ 333 h 400"/>
                    <a:gd name="T6" fmla="*/ 81 w 84"/>
                    <a:gd name="T7" fmla="*/ 314 h 400"/>
                    <a:gd name="T8" fmla="*/ 80 w 84"/>
                    <a:gd name="T9" fmla="*/ 289 h 400"/>
                    <a:gd name="T10" fmla="*/ 80 w 84"/>
                    <a:gd name="T11" fmla="*/ 264 h 400"/>
                    <a:gd name="T12" fmla="*/ 79 w 84"/>
                    <a:gd name="T13" fmla="*/ 244 h 400"/>
                    <a:gd name="T14" fmla="*/ 77 w 84"/>
                    <a:gd name="T15" fmla="*/ 225 h 400"/>
                    <a:gd name="T16" fmla="*/ 74 w 84"/>
                    <a:gd name="T17" fmla="*/ 191 h 400"/>
                    <a:gd name="T18" fmla="*/ 70 w 84"/>
                    <a:gd name="T19" fmla="*/ 155 h 400"/>
                    <a:gd name="T20" fmla="*/ 65 w 84"/>
                    <a:gd name="T21" fmla="*/ 119 h 400"/>
                    <a:gd name="T22" fmla="*/ 61 w 84"/>
                    <a:gd name="T23" fmla="*/ 79 h 400"/>
                    <a:gd name="T24" fmla="*/ 57 w 84"/>
                    <a:gd name="T25" fmla="*/ 55 h 400"/>
                    <a:gd name="T26" fmla="*/ 54 w 84"/>
                    <a:gd name="T27" fmla="*/ 46 h 400"/>
                    <a:gd name="T28" fmla="*/ 47 w 84"/>
                    <a:gd name="T29" fmla="*/ 31 h 400"/>
                    <a:gd name="T30" fmla="*/ 39 w 84"/>
                    <a:gd name="T31" fmla="*/ 19 h 400"/>
                    <a:gd name="T32" fmla="*/ 31 w 84"/>
                    <a:gd name="T33" fmla="*/ 10 h 400"/>
                    <a:gd name="T34" fmla="*/ 23 w 84"/>
                    <a:gd name="T35" fmla="*/ 2 h 400"/>
                    <a:gd name="T36" fmla="*/ 17 w 84"/>
                    <a:gd name="T37" fmla="*/ 0 h 400"/>
                    <a:gd name="T38" fmla="*/ 9 w 84"/>
                    <a:gd name="T39" fmla="*/ 0 h 400"/>
                    <a:gd name="T40" fmla="*/ 2 w 84"/>
                    <a:gd name="T41" fmla="*/ 3 h 400"/>
                    <a:gd name="T42" fmla="*/ 0 w 84"/>
                    <a:gd name="T43" fmla="*/ 6 h 40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Lst>
                  <a:rect l="0" t="0" r="r" b="b"/>
                  <a:pathLst>
                    <a:path w="84" h="400">
                      <a:moveTo>
                        <a:pt x="82" y="399"/>
                      </a:moveTo>
                      <a:lnTo>
                        <a:pt x="83" y="361"/>
                      </a:lnTo>
                      <a:lnTo>
                        <a:pt x="83" y="333"/>
                      </a:lnTo>
                      <a:lnTo>
                        <a:pt x="81" y="314"/>
                      </a:lnTo>
                      <a:lnTo>
                        <a:pt x="80" y="289"/>
                      </a:lnTo>
                      <a:lnTo>
                        <a:pt x="80" y="264"/>
                      </a:lnTo>
                      <a:lnTo>
                        <a:pt x="79" y="244"/>
                      </a:lnTo>
                      <a:lnTo>
                        <a:pt x="77" y="225"/>
                      </a:lnTo>
                      <a:lnTo>
                        <a:pt x="74" y="191"/>
                      </a:lnTo>
                      <a:lnTo>
                        <a:pt x="70" y="155"/>
                      </a:lnTo>
                      <a:lnTo>
                        <a:pt x="65" y="119"/>
                      </a:lnTo>
                      <a:lnTo>
                        <a:pt x="61" y="79"/>
                      </a:lnTo>
                      <a:lnTo>
                        <a:pt x="57" y="55"/>
                      </a:lnTo>
                      <a:lnTo>
                        <a:pt x="54" y="46"/>
                      </a:lnTo>
                      <a:lnTo>
                        <a:pt x="47" y="31"/>
                      </a:lnTo>
                      <a:lnTo>
                        <a:pt x="39" y="19"/>
                      </a:lnTo>
                      <a:lnTo>
                        <a:pt x="31" y="10"/>
                      </a:lnTo>
                      <a:lnTo>
                        <a:pt x="23" y="2"/>
                      </a:lnTo>
                      <a:lnTo>
                        <a:pt x="17" y="0"/>
                      </a:lnTo>
                      <a:lnTo>
                        <a:pt x="9" y="0"/>
                      </a:lnTo>
                      <a:lnTo>
                        <a:pt x="2" y="3"/>
                      </a:lnTo>
                      <a:lnTo>
                        <a:pt x="0" y="6"/>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2" name="Freeform 81"/>
                <p:cNvSpPr>
                  <a:spLocks/>
                </p:cNvSpPr>
                <p:nvPr/>
              </p:nvSpPr>
              <p:spPr bwMode="ltGray">
                <a:xfrm>
                  <a:off x="5547" y="4043"/>
                  <a:ext cx="131" cy="151"/>
                </a:xfrm>
                <a:custGeom>
                  <a:avLst/>
                  <a:gdLst>
                    <a:gd name="T0" fmla="*/ 0 w 131"/>
                    <a:gd name="T1" fmla="*/ 150 h 151"/>
                    <a:gd name="T2" fmla="*/ 19 w 131"/>
                    <a:gd name="T3" fmla="*/ 135 h 151"/>
                    <a:gd name="T4" fmla="*/ 26 w 131"/>
                    <a:gd name="T5" fmla="*/ 126 h 151"/>
                    <a:gd name="T6" fmla="*/ 32 w 131"/>
                    <a:gd name="T7" fmla="*/ 119 h 151"/>
                    <a:gd name="T8" fmla="*/ 60 w 131"/>
                    <a:gd name="T9" fmla="*/ 50 h 151"/>
                    <a:gd name="T10" fmla="*/ 76 w 131"/>
                    <a:gd name="T11" fmla="*/ 28 h 151"/>
                    <a:gd name="T12" fmla="*/ 87 w 131"/>
                    <a:gd name="T13" fmla="*/ 14 h 151"/>
                    <a:gd name="T14" fmla="*/ 96 w 131"/>
                    <a:gd name="T15" fmla="*/ 7 h 151"/>
                    <a:gd name="T16" fmla="*/ 107 w 131"/>
                    <a:gd name="T17" fmla="*/ 2 h 151"/>
                    <a:gd name="T18" fmla="*/ 118 w 131"/>
                    <a:gd name="T19" fmla="*/ 0 h 151"/>
                    <a:gd name="T20" fmla="*/ 125 w 131"/>
                    <a:gd name="T21" fmla="*/ 1 h 151"/>
                    <a:gd name="T22" fmla="*/ 130 w 131"/>
                    <a:gd name="T23" fmla="*/ 9 h 15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31" h="151">
                      <a:moveTo>
                        <a:pt x="0" y="150"/>
                      </a:moveTo>
                      <a:lnTo>
                        <a:pt x="19" y="135"/>
                      </a:lnTo>
                      <a:lnTo>
                        <a:pt x="26" y="126"/>
                      </a:lnTo>
                      <a:lnTo>
                        <a:pt x="32" y="119"/>
                      </a:lnTo>
                      <a:lnTo>
                        <a:pt x="60" y="50"/>
                      </a:lnTo>
                      <a:lnTo>
                        <a:pt x="76" y="28"/>
                      </a:lnTo>
                      <a:lnTo>
                        <a:pt x="87" y="14"/>
                      </a:lnTo>
                      <a:lnTo>
                        <a:pt x="96" y="7"/>
                      </a:lnTo>
                      <a:lnTo>
                        <a:pt x="107" y="2"/>
                      </a:lnTo>
                      <a:lnTo>
                        <a:pt x="118" y="0"/>
                      </a:lnTo>
                      <a:lnTo>
                        <a:pt x="125" y="1"/>
                      </a:lnTo>
                      <a:lnTo>
                        <a:pt x="130" y="9"/>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3" name="Freeform 82"/>
                <p:cNvSpPr>
                  <a:spLocks/>
                </p:cNvSpPr>
                <p:nvPr/>
              </p:nvSpPr>
              <p:spPr bwMode="ltGray">
                <a:xfrm>
                  <a:off x="4636" y="3710"/>
                  <a:ext cx="304" cy="525"/>
                </a:xfrm>
                <a:custGeom>
                  <a:avLst/>
                  <a:gdLst>
                    <a:gd name="T0" fmla="*/ 303 w 304"/>
                    <a:gd name="T1" fmla="*/ 524 h 525"/>
                    <a:gd name="T2" fmla="*/ 292 w 304"/>
                    <a:gd name="T3" fmla="*/ 462 h 525"/>
                    <a:gd name="T4" fmla="*/ 278 w 304"/>
                    <a:gd name="T5" fmla="*/ 396 h 525"/>
                    <a:gd name="T6" fmla="*/ 266 w 304"/>
                    <a:gd name="T7" fmla="*/ 344 h 525"/>
                    <a:gd name="T8" fmla="*/ 253 w 304"/>
                    <a:gd name="T9" fmla="*/ 297 h 525"/>
                    <a:gd name="T10" fmla="*/ 236 w 304"/>
                    <a:gd name="T11" fmla="*/ 257 h 525"/>
                    <a:gd name="T12" fmla="*/ 220 w 304"/>
                    <a:gd name="T13" fmla="*/ 213 h 525"/>
                    <a:gd name="T14" fmla="*/ 197 w 304"/>
                    <a:gd name="T15" fmla="*/ 176 h 525"/>
                    <a:gd name="T16" fmla="*/ 148 w 304"/>
                    <a:gd name="T17" fmla="*/ 102 h 525"/>
                    <a:gd name="T18" fmla="*/ 134 w 304"/>
                    <a:gd name="T19" fmla="*/ 80 h 525"/>
                    <a:gd name="T20" fmla="*/ 124 w 304"/>
                    <a:gd name="T21" fmla="*/ 70 h 525"/>
                    <a:gd name="T22" fmla="*/ 100 w 304"/>
                    <a:gd name="T23" fmla="*/ 42 h 525"/>
                    <a:gd name="T24" fmla="*/ 87 w 304"/>
                    <a:gd name="T25" fmla="*/ 28 h 525"/>
                    <a:gd name="T26" fmla="*/ 71 w 304"/>
                    <a:gd name="T27" fmla="*/ 18 h 525"/>
                    <a:gd name="T28" fmla="*/ 47 w 304"/>
                    <a:gd name="T29" fmla="*/ 6 h 525"/>
                    <a:gd name="T30" fmla="*/ 30 w 304"/>
                    <a:gd name="T31" fmla="*/ 0 h 525"/>
                    <a:gd name="T32" fmla="*/ 18 w 304"/>
                    <a:gd name="T33" fmla="*/ 0 h 525"/>
                    <a:gd name="T34" fmla="*/ 7 w 304"/>
                    <a:gd name="T35" fmla="*/ 3 h 525"/>
                    <a:gd name="T36" fmla="*/ 0 w 304"/>
                    <a:gd name="T37" fmla="*/ 10 h 5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04" h="525">
                      <a:moveTo>
                        <a:pt x="303" y="524"/>
                      </a:moveTo>
                      <a:lnTo>
                        <a:pt x="292" y="462"/>
                      </a:lnTo>
                      <a:lnTo>
                        <a:pt x="278" y="396"/>
                      </a:lnTo>
                      <a:lnTo>
                        <a:pt x="266" y="344"/>
                      </a:lnTo>
                      <a:lnTo>
                        <a:pt x="253" y="297"/>
                      </a:lnTo>
                      <a:lnTo>
                        <a:pt x="236" y="257"/>
                      </a:lnTo>
                      <a:lnTo>
                        <a:pt x="220" y="213"/>
                      </a:lnTo>
                      <a:lnTo>
                        <a:pt x="197" y="176"/>
                      </a:lnTo>
                      <a:lnTo>
                        <a:pt x="148" y="102"/>
                      </a:lnTo>
                      <a:lnTo>
                        <a:pt x="134" y="80"/>
                      </a:lnTo>
                      <a:lnTo>
                        <a:pt x="124" y="70"/>
                      </a:lnTo>
                      <a:lnTo>
                        <a:pt x="100" y="42"/>
                      </a:lnTo>
                      <a:lnTo>
                        <a:pt x="87" y="28"/>
                      </a:lnTo>
                      <a:lnTo>
                        <a:pt x="71" y="18"/>
                      </a:lnTo>
                      <a:lnTo>
                        <a:pt x="47" y="6"/>
                      </a:lnTo>
                      <a:lnTo>
                        <a:pt x="30" y="0"/>
                      </a:lnTo>
                      <a:lnTo>
                        <a:pt x="18" y="0"/>
                      </a:lnTo>
                      <a:lnTo>
                        <a:pt x="7" y="3"/>
                      </a:lnTo>
                      <a:lnTo>
                        <a:pt x="0" y="10"/>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54" name="Freeform 83"/>
                <p:cNvSpPr>
                  <a:spLocks/>
                </p:cNvSpPr>
                <p:nvPr/>
              </p:nvSpPr>
              <p:spPr bwMode="ltGray">
                <a:xfrm>
                  <a:off x="4834" y="3768"/>
                  <a:ext cx="126" cy="432"/>
                </a:xfrm>
                <a:custGeom>
                  <a:avLst/>
                  <a:gdLst>
                    <a:gd name="T0" fmla="*/ 125 w 126"/>
                    <a:gd name="T1" fmla="*/ 431 h 432"/>
                    <a:gd name="T2" fmla="*/ 57 w 126"/>
                    <a:gd name="T3" fmla="*/ 16 h 432"/>
                    <a:gd name="T4" fmla="*/ 52 w 126"/>
                    <a:gd name="T5" fmla="*/ 10 h 432"/>
                    <a:gd name="T6" fmla="*/ 45 w 126"/>
                    <a:gd name="T7" fmla="*/ 3 h 432"/>
                    <a:gd name="T8" fmla="*/ 38 w 126"/>
                    <a:gd name="T9" fmla="*/ 1 h 432"/>
                    <a:gd name="T10" fmla="*/ 27 w 126"/>
                    <a:gd name="T11" fmla="*/ 0 h 432"/>
                    <a:gd name="T12" fmla="*/ 19 w 126"/>
                    <a:gd name="T13" fmla="*/ 1 h 432"/>
                    <a:gd name="T14" fmla="*/ 12 w 126"/>
                    <a:gd name="T15" fmla="*/ 6 h 432"/>
                    <a:gd name="T16" fmla="*/ 4 w 126"/>
                    <a:gd name="T17" fmla="*/ 14 h 432"/>
                    <a:gd name="T18" fmla="*/ 0 w 126"/>
                    <a:gd name="T19" fmla="*/ 27 h 4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126" h="432">
                      <a:moveTo>
                        <a:pt x="125" y="431"/>
                      </a:moveTo>
                      <a:lnTo>
                        <a:pt x="57" y="16"/>
                      </a:lnTo>
                      <a:lnTo>
                        <a:pt x="52" y="10"/>
                      </a:lnTo>
                      <a:lnTo>
                        <a:pt x="45" y="3"/>
                      </a:lnTo>
                      <a:lnTo>
                        <a:pt x="38" y="1"/>
                      </a:lnTo>
                      <a:lnTo>
                        <a:pt x="27" y="0"/>
                      </a:lnTo>
                      <a:lnTo>
                        <a:pt x="19" y="1"/>
                      </a:lnTo>
                      <a:lnTo>
                        <a:pt x="12" y="6"/>
                      </a:lnTo>
                      <a:lnTo>
                        <a:pt x="4" y="14"/>
                      </a:lnTo>
                      <a:lnTo>
                        <a:pt x="0" y="27"/>
                      </a:lnTo>
                    </a:path>
                  </a:pathLst>
                </a:custGeom>
                <a:solidFill>
                  <a:srgbClr val="CEDA9D"/>
                </a:solidFill>
                <a:ln w="25400" cap="rnd" cmpd="sng">
                  <a:solidFill>
                    <a:srgbClr val="999933"/>
                  </a:solidFill>
                  <a:prstDash val="solid"/>
                  <a:round/>
                  <a:headEnd type="none" w="sm" len="sm"/>
                  <a:tailEnd type="none" w="sm" len="sm"/>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sp>
            <p:nvSpPr>
              <p:cNvPr id="14" name="Freeform 85"/>
              <p:cNvSpPr>
                <a:spLocks/>
              </p:cNvSpPr>
              <p:nvPr/>
            </p:nvSpPr>
            <p:spPr bwMode="ltGray">
              <a:xfrm>
                <a:off x="5031" y="3712"/>
                <a:ext cx="46" cy="270"/>
              </a:xfrm>
              <a:custGeom>
                <a:avLst/>
                <a:gdLst>
                  <a:gd name="T0" fmla="*/ 45 w 46"/>
                  <a:gd name="T1" fmla="*/ 0 h 270"/>
                  <a:gd name="T2" fmla="*/ 28 w 46"/>
                  <a:gd name="T3" fmla="*/ 17 h 270"/>
                  <a:gd name="T4" fmla="*/ 19 w 46"/>
                  <a:gd name="T5" fmla="*/ 51 h 270"/>
                  <a:gd name="T6" fmla="*/ 9 w 46"/>
                  <a:gd name="T7" fmla="*/ 96 h 270"/>
                  <a:gd name="T8" fmla="*/ 0 w 46"/>
                  <a:gd name="T9" fmla="*/ 153 h 270"/>
                  <a:gd name="T10" fmla="*/ 0 w 46"/>
                  <a:gd name="T11" fmla="*/ 215 h 270"/>
                  <a:gd name="T12" fmla="*/ 5 w 46"/>
                  <a:gd name="T13" fmla="*/ 269 h 270"/>
                  <a:gd name="T14" fmla="*/ 9 w 46"/>
                  <a:gd name="T15" fmla="*/ 269 h 270"/>
                  <a:gd name="T16" fmla="*/ 5 w 46"/>
                  <a:gd name="T17" fmla="*/ 215 h 270"/>
                  <a:gd name="T18" fmla="*/ 5 w 46"/>
                  <a:gd name="T19" fmla="*/ 169 h 270"/>
                  <a:gd name="T20" fmla="*/ 14 w 46"/>
                  <a:gd name="T21" fmla="*/ 121 h 270"/>
                  <a:gd name="T22" fmla="*/ 28 w 46"/>
                  <a:gd name="T23" fmla="*/ 71 h 270"/>
                  <a:gd name="T24" fmla="*/ 44 w 46"/>
                  <a:gd name="T25" fmla="*/ 7 h 270"/>
                  <a:gd name="T26" fmla="*/ 45 w 46"/>
                  <a:gd name="T27" fmla="*/ 0 h 2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 h="270">
                    <a:moveTo>
                      <a:pt x="45" y="0"/>
                    </a:moveTo>
                    <a:lnTo>
                      <a:pt x="28" y="17"/>
                    </a:lnTo>
                    <a:lnTo>
                      <a:pt x="19" y="51"/>
                    </a:lnTo>
                    <a:lnTo>
                      <a:pt x="9" y="96"/>
                    </a:lnTo>
                    <a:lnTo>
                      <a:pt x="0" y="153"/>
                    </a:lnTo>
                    <a:lnTo>
                      <a:pt x="0" y="215"/>
                    </a:lnTo>
                    <a:lnTo>
                      <a:pt x="5" y="269"/>
                    </a:lnTo>
                    <a:lnTo>
                      <a:pt x="9" y="269"/>
                    </a:lnTo>
                    <a:lnTo>
                      <a:pt x="5" y="215"/>
                    </a:lnTo>
                    <a:lnTo>
                      <a:pt x="5" y="169"/>
                    </a:lnTo>
                    <a:lnTo>
                      <a:pt x="14" y="121"/>
                    </a:lnTo>
                    <a:lnTo>
                      <a:pt x="28" y="71"/>
                    </a:lnTo>
                    <a:lnTo>
                      <a:pt x="44" y="7"/>
                    </a:lnTo>
                    <a:lnTo>
                      <a:pt x="45"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5" name="Freeform 86"/>
              <p:cNvSpPr>
                <a:spLocks/>
              </p:cNvSpPr>
              <p:nvPr/>
            </p:nvSpPr>
            <p:spPr bwMode="ltGray">
              <a:xfrm>
                <a:off x="5499" y="3719"/>
                <a:ext cx="72" cy="278"/>
              </a:xfrm>
              <a:custGeom>
                <a:avLst/>
                <a:gdLst>
                  <a:gd name="T0" fmla="*/ 14 w 72"/>
                  <a:gd name="T1" fmla="*/ 0 h 278"/>
                  <a:gd name="T2" fmla="*/ 28 w 72"/>
                  <a:gd name="T3" fmla="*/ 21 h 278"/>
                  <a:gd name="T4" fmla="*/ 42 w 72"/>
                  <a:gd name="T5" fmla="*/ 55 h 278"/>
                  <a:gd name="T6" fmla="*/ 56 w 72"/>
                  <a:gd name="T7" fmla="*/ 101 h 278"/>
                  <a:gd name="T8" fmla="*/ 71 w 72"/>
                  <a:gd name="T9" fmla="*/ 159 h 278"/>
                  <a:gd name="T10" fmla="*/ 71 w 72"/>
                  <a:gd name="T11" fmla="*/ 222 h 278"/>
                  <a:gd name="T12" fmla="*/ 64 w 72"/>
                  <a:gd name="T13" fmla="*/ 277 h 278"/>
                  <a:gd name="T14" fmla="*/ 56 w 72"/>
                  <a:gd name="T15" fmla="*/ 277 h 278"/>
                  <a:gd name="T16" fmla="*/ 64 w 72"/>
                  <a:gd name="T17" fmla="*/ 222 h 278"/>
                  <a:gd name="T18" fmla="*/ 64 w 72"/>
                  <a:gd name="T19" fmla="*/ 176 h 278"/>
                  <a:gd name="T20" fmla="*/ 49 w 72"/>
                  <a:gd name="T21" fmla="*/ 125 h 278"/>
                  <a:gd name="T22" fmla="*/ 28 w 72"/>
                  <a:gd name="T23" fmla="*/ 75 h 278"/>
                  <a:gd name="T24" fmla="*/ 0 w 72"/>
                  <a:gd name="T25" fmla="*/ 13 h 278"/>
                  <a:gd name="T26" fmla="*/ 14 w 72"/>
                  <a:gd name="T27" fmla="*/ 0 h 27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2" h="278">
                    <a:moveTo>
                      <a:pt x="14" y="0"/>
                    </a:moveTo>
                    <a:lnTo>
                      <a:pt x="28" y="21"/>
                    </a:lnTo>
                    <a:lnTo>
                      <a:pt x="42" y="55"/>
                    </a:lnTo>
                    <a:lnTo>
                      <a:pt x="56" y="101"/>
                    </a:lnTo>
                    <a:lnTo>
                      <a:pt x="71" y="159"/>
                    </a:lnTo>
                    <a:lnTo>
                      <a:pt x="71" y="222"/>
                    </a:lnTo>
                    <a:lnTo>
                      <a:pt x="64" y="277"/>
                    </a:lnTo>
                    <a:lnTo>
                      <a:pt x="56" y="277"/>
                    </a:lnTo>
                    <a:lnTo>
                      <a:pt x="64" y="222"/>
                    </a:lnTo>
                    <a:lnTo>
                      <a:pt x="64" y="176"/>
                    </a:lnTo>
                    <a:lnTo>
                      <a:pt x="49" y="125"/>
                    </a:lnTo>
                    <a:lnTo>
                      <a:pt x="28" y="75"/>
                    </a:lnTo>
                    <a:lnTo>
                      <a:pt x="0" y="13"/>
                    </a:lnTo>
                    <a:lnTo>
                      <a:pt x="14"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6" name="Freeform 87"/>
              <p:cNvSpPr>
                <a:spLocks/>
              </p:cNvSpPr>
              <p:nvPr/>
            </p:nvSpPr>
            <p:spPr bwMode="ltGray">
              <a:xfrm>
                <a:off x="4955" y="3844"/>
                <a:ext cx="196" cy="332"/>
              </a:xfrm>
              <a:custGeom>
                <a:avLst/>
                <a:gdLst>
                  <a:gd name="T0" fmla="*/ 114 w 196"/>
                  <a:gd name="T1" fmla="*/ 8 h 332"/>
                  <a:gd name="T2" fmla="*/ 97 w 196"/>
                  <a:gd name="T3" fmla="*/ 21 h 332"/>
                  <a:gd name="T4" fmla="*/ 61 w 196"/>
                  <a:gd name="T5" fmla="*/ 35 h 332"/>
                  <a:gd name="T6" fmla="*/ 75 w 196"/>
                  <a:gd name="T7" fmla="*/ 32 h 332"/>
                  <a:gd name="T8" fmla="*/ 80 w 196"/>
                  <a:gd name="T9" fmla="*/ 41 h 332"/>
                  <a:gd name="T10" fmla="*/ 75 w 196"/>
                  <a:gd name="T11" fmla="*/ 48 h 332"/>
                  <a:gd name="T12" fmla="*/ 55 w 196"/>
                  <a:gd name="T13" fmla="*/ 64 h 332"/>
                  <a:gd name="T14" fmla="*/ 55 w 196"/>
                  <a:gd name="T15" fmla="*/ 68 h 332"/>
                  <a:gd name="T16" fmla="*/ 69 w 196"/>
                  <a:gd name="T17" fmla="*/ 68 h 332"/>
                  <a:gd name="T18" fmla="*/ 64 w 196"/>
                  <a:gd name="T19" fmla="*/ 73 h 332"/>
                  <a:gd name="T20" fmla="*/ 55 w 196"/>
                  <a:gd name="T21" fmla="*/ 89 h 332"/>
                  <a:gd name="T22" fmla="*/ 64 w 196"/>
                  <a:gd name="T23" fmla="*/ 86 h 332"/>
                  <a:gd name="T24" fmla="*/ 67 w 196"/>
                  <a:gd name="T25" fmla="*/ 97 h 332"/>
                  <a:gd name="T26" fmla="*/ 19 w 196"/>
                  <a:gd name="T27" fmla="*/ 124 h 332"/>
                  <a:gd name="T28" fmla="*/ 50 w 196"/>
                  <a:gd name="T29" fmla="*/ 116 h 332"/>
                  <a:gd name="T30" fmla="*/ 38 w 196"/>
                  <a:gd name="T31" fmla="*/ 132 h 332"/>
                  <a:gd name="T32" fmla="*/ 25 w 196"/>
                  <a:gd name="T33" fmla="*/ 135 h 332"/>
                  <a:gd name="T34" fmla="*/ 58 w 196"/>
                  <a:gd name="T35" fmla="*/ 116 h 332"/>
                  <a:gd name="T36" fmla="*/ 67 w 196"/>
                  <a:gd name="T37" fmla="*/ 124 h 332"/>
                  <a:gd name="T38" fmla="*/ 41 w 196"/>
                  <a:gd name="T39" fmla="*/ 149 h 332"/>
                  <a:gd name="T40" fmla="*/ 22 w 196"/>
                  <a:gd name="T41" fmla="*/ 165 h 332"/>
                  <a:gd name="T42" fmla="*/ 45 w 196"/>
                  <a:gd name="T43" fmla="*/ 155 h 332"/>
                  <a:gd name="T44" fmla="*/ 52 w 196"/>
                  <a:gd name="T45" fmla="*/ 162 h 332"/>
                  <a:gd name="T46" fmla="*/ 41 w 196"/>
                  <a:gd name="T47" fmla="*/ 181 h 332"/>
                  <a:gd name="T48" fmla="*/ 25 w 196"/>
                  <a:gd name="T49" fmla="*/ 193 h 332"/>
                  <a:gd name="T50" fmla="*/ 30 w 196"/>
                  <a:gd name="T51" fmla="*/ 198 h 332"/>
                  <a:gd name="T52" fmla="*/ 33 w 196"/>
                  <a:gd name="T53" fmla="*/ 206 h 332"/>
                  <a:gd name="T54" fmla="*/ 30 w 196"/>
                  <a:gd name="T55" fmla="*/ 208 h 332"/>
                  <a:gd name="T56" fmla="*/ 27 w 196"/>
                  <a:gd name="T57" fmla="*/ 217 h 332"/>
                  <a:gd name="T58" fmla="*/ 30 w 196"/>
                  <a:gd name="T59" fmla="*/ 225 h 332"/>
                  <a:gd name="T60" fmla="*/ 5 w 196"/>
                  <a:gd name="T61" fmla="*/ 257 h 332"/>
                  <a:gd name="T62" fmla="*/ 36 w 196"/>
                  <a:gd name="T63" fmla="*/ 238 h 332"/>
                  <a:gd name="T64" fmla="*/ 64 w 196"/>
                  <a:gd name="T65" fmla="*/ 331 h 332"/>
                  <a:gd name="T66" fmla="*/ 41 w 196"/>
                  <a:gd name="T67" fmla="*/ 249 h 332"/>
                  <a:gd name="T68" fmla="*/ 55 w 196"/>
                  <a:gd name="T69" fmla="*/ 227 h 332"/>
                  <a:gd name="T70" fmla="*/ 58 w 196"/>
                  <a:gd name="T71" fmla="*/ 217 h 332"/>
                  <a:gd name="T72" fmla="*/ 67 w 196"/>
                  <a:gd name="T73" fmla="*/ 236 h 332"/>
                  <a:gd name="T74" fmla="*/ 64 w 196"/>
                  <a:gd name="T75" fmla="*/ 200 h 332"/>
                  <a:gd name="T76" fmla="*/ 83 w 196"/>
                  <a:gd name="T77" fmla="*/ 246 h 332"/>
                  <a:gd name="T78" fmla="*/ 92 w 196"/>
                  <a:gd name="T79" fmla="*/ 249 h 332"/>
                  <a:gd name="T80" fmla="*/ 69 w 196"/>
                  <a:gd name="T81" fmla="*/ 217 h 332"/>
                  <a:gd name="T82" fmla="*/ 75 w 196"/>
                  <a:gd name="T83" fmla="*/ 179 h 332"/>
                  <a:gd name="T84" fmla="*/ 134 w 196"/>
                  <a:gd name="T85" fmla="*/ 287 h 332"/>
                  <a:gd name="T86" fmla="*/ 80 w 196"/>
                  <a:gd name="T87" fmla="*/ 187 h 332"/>
                  <a:gd name="T88" fmla="*/ 86 w 196"/>
                  <a:gd name="T89" fmla="*/ 143 h 332"/>
                  <a:gd name="T90" fmla="*/ 114 w 196"/>
                  <a:gd name="T91" fmla="*/ 206 h 332"/>
                  <a:gd name="T92" fmla="*/ 94 w 196"/>
                  <a:gd name="T93" fmla="*/ 146 h 332"/>
                  <a:gd name="T94" fmla="*/ 119 w 196"/>
                  <a:gd name="T95" fmla="*/ 238 h 332"/>
                  <a:gd name="T96" fmla="*/ 97 w 196"/>
                  <a:gd name="T97" fmla="*/ 116 h 332"/>
                  <a:gd name="T98" fmla="*/ 102 w 196"/>
                  <a:gd name="T99" fmla="*/ 86 h 332"/>
                  <a:gd name="T100" fmla="*/ 136 w 196"/>
                  <a:gd name="T101" fmla="*/ 137 h 332"/>
                  <a:gd name="T102" fmla="*/ 136 w 196"/>
                  <a:gd name="T103" fmla="*/ 137 h 332"/>
                  <a:gd name="T104" fmla="*/ 111 w 196"/>
                  <a:gd name="T105" fmla="*/ 92 h 332"/>
                  <a:gd name="T106" fmla="*/ 114 w 196"/>
                  <a:gd name="T107" fmla="*/ 68 h 332"/>
                  <a:gd name="T108" fmla="*/ 122 w 196"/>
                  <a:gd name="T109" fmla="*/ 79 h 332"/>
                  <a:gd name="T110" fmla="*/ 195 w 196"/>
                  <a:gd name="T111" fmla="*/ 127 h 332"/>
                  <a:gd name="T112" fmla="*/ 119 w 196"/>
                  <a:gd name="T113" fmla="*/ 70 h 332"/>
                  <a:gd name="T114" fmla="*/ 134 w 196"/>
                  <a:gd name="T115" fmla="*/ 64 h 332"/>
                  <a:gd name="T116" fmla="*/ 178 w 196"/>
                  <a:gd name="T117" fmla="*/ 119 h 332"/>
                  <a:gd name="T118" fmla="*/ 128 w 196"/>
                  <a:gd name="T119" fmla="*/ 32 h 332"/>
                  <a:gd name="T120" fmla="*/ 125 w 196"/>
                  <a:gd name="T121" fmla="*/ 16 h 332"/>
                  <a:gd name="T122" fmla="*/ 139 w 196"/>
                  <a:gd name="T123" fmla="*/ 0 h 3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Lst>
                <a:rect l="0" t="0" r="r" b="b"/>
                <a:pathLst>
                  <a:path w="196" h="332">
                    <a:moveTo>
                      <a:pt x="128" y="2"/>
                    </a:moveTo>
                    <a:lnTo>
                      <a:pt x="119" y="2"/>
                    </a:lnTo>
                    <a:lnTo>
                      <a:pt x="114" y="8"/>
                    </a:lnTo>
                    <a:lnTo>
                      <a:pt x="108" y="14"/>
                    </a:lnTo>
                    <a:lnTo>
                      <a:pt x="106" y="16"/>
                    </a:lnTo>
                    <a:lnTo>
                      <a:pt x="97" y="21"/>
                    </a:lnTo>
                    <a:lnTo>
                      <a:pt x="88" y="29"/>
                    </a:lnTo>
                    <a:lnTo>
                      <a:pt x="80" y="32"/>
                    </a:lnTo>
                    <a:lnTo>
                      <a:pt x="61" y="35"/>
                    </a:lnTo>
                    <a:lnTo>
                      <a:pt x="13" y="35"/>
                    </a:lnTo>
                    <a:lnTo>
                      <a:pt x="61" y="37"/>
                    </a:lnTo>
                    <a:lnTo>
                      <a:pt x="75" y="32"/>
                    </a:lnTo>
                    <a:lnTo>
                      <a:pt x="83" y="35"/>
                    </a:lnTo>
                    <a:lnTo>
                      <a:pt x="72" y="41"/>
                    </a:lnTo>
                    <a:lnTo>
                      <a:pt x="80" y="41"/>
                    </a:lnTo>
                    <a:lnTo>
                      <a:pt x="72" y="48"/>
                    </a:lnTo>
                    <a:lnTo>
                      <a:pt x="11" y="94"/>
                    </a:lnTo>
                    <a:lnTo>
                      <a:pt x="75" y="48"/>
                    </a:lnTo>
                    <a:lnTo>
                      <a:pt x="72" y="54"/>
                    </a:lnTo>
                    <a:lnTo>
                      <a:pt x="64" y="62"/>
                    </a:lnTo>
                    <a:lnTo>
                      <a:pt x="55" y="64"/>
                    </a:lnTo>
                    <a:lnTo>
                      <a:pt x="38" y="68"/>
                    </a:lnTo>
                    <a:lnTo>
                      <a:pt x="11" y="62"/>
                    </a:lnTo>
                    <a:lnTo>
                      <a:pt x="55" y="68"/>
                    </a:lnTo>
                    <a:lnTo>
                      <a:pt x="64" y="62"/>
                    </a:lnTo>
                    <a:lnTo>
                      <a:pt x="72" y="59"/>
                    </a:lnTo>
                    <a:lnTo>
                      <a:pt x="69" y="68"/>
                    </a:lnTo>
                    <a:lnTo>
                      <a:pt x="64" y="70"/>
                    </a:lnTo>
                    <a:lnTo>
                      <a:pt x="9" y="97"/>
                    </a:lnTo>
                    <a:lnTo>
                      <a:pt x="64" y="73"/>
                    </a:lnTo>
                    <a:lnTo>
                      <a:pt x="69" y="73"/>
                    </a:lnTo>
                    <a:lnTo>
                      <a:pt x="64" y="81"/>
                    </a:lnTo>
                    <a:lnTo>
                      <a:pt x="55" y="89"/>
                    </a:lnTo>
                    <a:lnTo>
                      <a:pt x="9" y="105"/>
                    </a:lnTo>
                    <a:lnTo>
                      <a:pt x="61" y="86"/>
                    </a:lnTo>
                    <a:lnTo>
                      <a:pt x="64" y="86"/>
                    </a:lnTo>
                    <a:lnTo>
                      <a:pt x="67" y="89"/>
                    </a:lnTo>
                    <a:lnTo>
                      <a:pt x="55" y="99"/>
                    </a:lnTo>
                    <a:lnTo>
                      <a:pt x="67" y="97"/>
                    </a:lnTo>
                    <a:lnTo>
                      <a:pt x="52" y="111"/>
                    </a:lnTo>
                    <a:lnTo>
                      <a:pt x="41" y="119"/>
                    </a:lnTo>
                    <a:lnTo>
                      <a:pt x="19" y="124"/>
                    </a:lnTo>
                    <a:lnTo>
                      <a:pt x="9" y="124"/>
                    </a:lnTo>
                    <a:lnTo>
                      <a:pt x="27" y="122"/>
                    </a:lnTo>
                    <a:lnTo>
                      <a:pt x="50" y="116"/>
                    </a:lnTo>
                    <a:lnTo>
                      <a:pt x="55" y="113"/>
                    </a:lnTo>
                    <a:lnTo>
                      <a:pt x="50" y="122"/>
                    </a:lnTo>
                    <a:lnTo>
                      <a:pt x="38" y="132"/>
                    </a:lnTo>
                    <a:lnTo>
                      <a:pt x="19" y="137"/>
                    </a:lnTo>
                    <a:lnTo>
                      <a:pt x="0" y="143"/>
                    </a:lnTo>
                    <a:lnTo>
                      <a:pt x="25" y="135"/>
                    </a:lnTo>
                    <a:lnTo>
                      <a:pt x="41" y="127"/>
                    </a:lnTo>
                    <a:lnTo>
                      <a:pt x="55" y="119"/>
                    </a:lnTo>
                    <a:lnTo>
                      <a:pt x="58" y="116"/>
                    </a:lnTo>
                    <a:lnTo>
                      <a:pt x="55" y="124"/>
                    </a:lnTo>
                    <a:lnTo>
                      <a:pt x="61" y="122"/>
                    </a:lnTo>
                    <a:lnTo>
                      <a:pt x="67" y="124"/>
                    </a:lnTo>
                    <a:lnTo>
                      <a:pt x="55" y="132"/>
                    </a:lnTo>
                    <a:lnTo>
                      <a:pt x="55" y="137"/>
                    </a:lnTo>
                    <a:lnTo>
                      <a:pt x="41" y="149"/>
                    </a:lnTo>
                    <a:lnTo>
                      <a:pt x="46" y="149"/>
                    </a:lnTo>
                    <a:lnTo>
                      <a:pt x="41" y="155"/>
                    </a:lnTo>
                    <a:lnTo>
                      <a:pt x="22" y="165"/>
                    </a:lnTo>
                    <a:lnTo>
                      <a:pt x="5" y="168"/>
                    </a:lnTo>
                    <a:lnTo>
                      <a:pt x="30" y="162"/>
                    </a:lnTo>
                    <a:lnTo>
                      <a:pt x="45" y="155"/>
                    </a:lnTo>
                    <a:lnTo>
                      <a:pt x="52" y="151"/>
                    </a:lnTo>
                    <a:lnTo>
                      <a:pt x="52" y="160"/>
                    </a:lnTo>
                    <a:lnTo>
                      <a:pt x="52" y="162"/>
                    </a:lnTo>
                    <a:lnTo>
                      <a:pt x="45" y="173"/>
                    </a:lnTo>
                    <a:lnTo>
                      <a:pt x="36" y="181"/>
                    </a:lnTo>
                    <a:lnTo>
                      <a:pt x="41" y="181"/>
                    </a:lnTo>
                    <a:lnTo>
                      <a:pt x="33" y="187"/>
                    </a:lnTo>
                    <a:lnTo>
                      <a:pt x="5" y="200"/>
                    </a:lnTo>
                    <a:lnTo>
                      <a:pt x="25" y="193"/>
                    </a:lnTo>
                    <a:lnTo>
                      <a:pt x="38" y="187"/>
                    </a:lnTo>
                    <a:lnTo>
                      <a:pt x="38" y="195"/>
                    </a:lnTo>
                    <a:lnTo>
                      <a:pt x="30" y="198"/>
                    </a:lnTo>
                    <a:lnTo>
                      <a:pt x="38" y="195"/>
                    </a:lnTo>
                    <a:lnTo>
                      <a:pt x="38" y="200"/>
                    </a:lnTo>
                    <a:lnTo>
                      <a:pt x="33" y="206"/>
                    </a:lnTo>
                    <a:lnTo>
                      <a:pt x="9" y="214"/>
                    </a:lnTo>
                    <a:lnTo>
                      <a:pt x="30" y="206"/>
                    </a:lnTo>
                    <a:lnTo>
                      <a:pt x="30" y="208"/>
                    </a:lnTo>
                    <a:lnTo>
                      <a:pt x="33" y="211"/>
                    </a:lnTo>
                    <a:lnTo>
                      <a:pt x="9" y="231"/>
                    </a:lnTo>
                    <a:lnTo>
                      <a:pt x="27" y="217"/>
                    </a:lnTo>
                    <a:lnTo>
                      <a:pt x="33" y="214"/>
                    </a:lnTo>
                    <a:lnTo>
                      <a:pt x="36" y="219"/>
                    </a:lnTo>
                    <a:lnTo>
                      <a:pt x="30" y="225"/>
                    </a:lnTo>
                    <a:lnTo>
                      <a:pt x="36" y="222"/>
                    </a:lnTo>
                    <a:lnTo>
                      <a:pt x="30" y="238"/>
                    </a:lnTo>
                    <a:lnTo>
                      <a:pt x="5" y="257"/>
                    </a:lnTo>
                    <a:lnTo>
                      <a:pt x="30" y="238"/>
                    </a:lnTo>
                    <a:lnTo>
                      <a:pt x="27" y="246"/>
                    </a:lnTo>
                    <a:lnTo>
                      <a:pt x="36" y="238"/>
                    </a:lnTo>
                    <a:lnTo>
                      <a:pt x="36" y="246"/>
                    </a:lnTo>
                    <a:lnTo>
                      <a:pt x="38" y="284"/>
                    </a:lnTo>
                    <a:lnTo>
                      <a:pt x="64" y="331"/>
                    </a:lnTo>
                    <a:lnTo>
                      <a:pt x="38" y="282"/>
                    </a:lnTo>
                    <a:lnTo>
                      <a:pt x="38" y="263"/>
                    </a:lnTo>
                    <a:lnTo>
                      <a:pt x="41" y="249"/>
                    </a:lnTo>
                    <a:lnTo>
                      <a:pt x="45" y="238"/>
                    </a:lnTo>
                    <a:lnTo>
                      <a:pt x="50" y="219"/>
                    </a:lnTo>
                    <a:lnTo>
                      <a:pt x="55" y="227"/>
                    </a:lnTo>
                    <a:lnTo>
                      <a:pt x="92" y="331"/>
                    </a:lnTo>
                    <a:lnTo>
                      <a:pt x="58" y="227"/>
                    </a:lnTo>
                    <a:lnTo>
                      <a:pt x="58" y="217"/>
                    </a:lnTo>
                    <a:lnTo>
                      <a:pt x="64" y="222"/>
                    </a:lnTo>
                    <a:lnTo>
                      <a:pt x="69" y="322"/>
                    </a:lnTo>
                    <a:lnTo>
                      <a:pt x="67" y="236"/>
                    </a:lnTo>
                    <a:lnTo>
                      <a:pt x="64" y="219"/>
                    </a:lnTo>
                    <a:lnTo>
                      <a:pt x="61" y="214"/>
                    </a:lnTo>
                    <a:lnTo>
                      <a:pt x="64" y="200"/>
                    </a:lnTo>
                    <a:lnTo>
                      <a:pt x="67" y="211"/>
                    </a:lnTo>
                    <a:lnTo>
                      <a:pt x="75" y="233"/>
                    </a:lnTo>
                    <a:lnTo>
                      <a:pt x="83" y="246"/>
                    </a:lnTo>
                    <a:lnTo>
                      <a:pt x="106" y="266"/>
                    </a:lnTo>
                    <a:lnTo>
                      <a:pt x="153" y="301"/>
                    </a:lnTo>
                    <a:lnTo>
                      <a:pt x="92" y="249"/>
                    </a:lnTo>
                    <a:lnTo>
                      <a:pt x="80" y="236"/>
                    </a:lnTo>
                    <a:lnTo>
                      <a:pt x="75" y="227"/>
                    </a:lnTo>
                    <a:lnTo>
                      <a:pt x="69" y="217"/>
                    </a:lnTo>
                    <a:lnTo>
                      <a:pt x="72" y="187"/>
                    </a:lnTo>
                    <a:lnTo>
                      <a:pt x="75" y="195"/>
                    </a:lnTo>
                    <a:lnTo>
                      <a:pt x="75" y="179"/>
                    </a:lnTo>
                    <a:lnTo>
                      <a:pt x="75" y="173"/>
                    </a:lnTo>
                    <a:lnTo>
                      <a:pt x="80" y="187"/>
                    </a:lnTo>
                    <a:lnTo>
                      <a:pt x="134" y="287"/>
                    </a:lnTo>
                    <a:lnTo>
                      <a:pt x="88" y="206"/>
                    </a:lnTo>
                    <a:lnTo>
                      <a:pt x="83" y="198"/>
                    </a:lnTo>
                    <a:lnTo>
                      <a:pt x="80" y="187"/>
                    </a:lnTo>
                    <a:lnTo>
                      <a:pt x="80" y="157"/>
                    </a:lnTo>
                    <a:lnTo>
                      <a:pt x="83" y="160"/>
                    </a:lnTo>
                    <a:lnTo>
                      <a:pt x="86" y="143"/>
                    </a:lnTo>
                    <a:lnTo>
                      <a:pt x="94" y="149"/>
                    </a:lnTo>
                    <a:lnTo>
                      <a:pt x="136" y="260"/>
                    </a:lnTo>
                    <a:lnTo>
                      <a:pt x="114" y="206"/>
                    </a:lnTo>
                    <a:lnTo>
                      <a:pt x="106" y="181"/>
                    </a:lnTo>
                    <a:lnTo>
                      <a:pt x="94" y="160"/>
                    </a:lnTo>
                    <a:lnTo>
                      <a:pt x="94" y="146"/>
                    </a:lnTo>
                    <a:lnTo>
                      <a:pt x="92" y="124"/>
                    </a:lnTo>
                    <a:lnTo>
                      <a:pt x="97" y="127"/>
                    </a:lnTo>
                    <a:lnTo>
                      <a:pt x="119" y="238"/>
                    </a:lnTo>
                    <a:lnTo>
                      <a:pt x="94" y="119"/>
                    </a:lnTo>
                    <a:lnTo>
                      <a:pt x="94" y="108"/>
                    </a:lnTo>
                    <a:lnTo>
                      <a:pt x="97" y="116"/>
                    </a:lnTo>
                    <a:lnTo>
                      <a:pt x="97" y="92"/>
                    </a:lnTo>
                    <a:lnTo>
                      <a:pt x="102" y="99"/>
                    </a:lnTo>
                    <a:lnTo>
                      <a:pt x="102" y="86"/>
                    </a:lnTo>
                    <a:lnTo>
                      <a:pt x="111" y="94"/>
                    </a:lnTo>
                    <a:lnTo>
                      <a:pt x="122" y="122"/>
                    </a:lnTo>
                    <a:lnTo>
                      <a:pt x="136" y="137"/>
                    </a:lnTo>
                    <a:lnTo>
                      <a:pt x="161" y="165"/>
                    </a:lnTo>
                    <a:lnTo>
                      <a:pt x="175" y="189"/>
                    </a:lnTo>
                    <a:lnTo>
                      <a:pt x="136" y="137"/>
                    </a:lnTo>
                    <a:lnTo>
                      <a:pt x="125" y="124"/>
                    </a:lnTo>
                    <a:lnTo>
                      <a:pt x="114" y="105"/>
                    </a:lnTo>
                    <a:lnTo>
                      <a:pt x="111" y="92"/>
                    </a:lnTo>
                    <a:lnTo>
                      <a:pt x="106" y="68"/>
                    </a:lnTo>
                    <a:lnTo>
                      <a:pt x="108" y="70"/>
                    </a:lnTo>
                    <a:lnTo>
                      <a:pt x="114" y="68"/>
                    </a:lnTo>
                    <a:lnTo>
                      <a:pt x="111" y="56"/>
                    </a:lnTo>
                    <a:lnTo>
                      <a:pt x="116" y="68"/>
                    </a:lnTo>
                    <a:lnTo>
                      <a:pt x="122" y="79"/>
                    </a:lnTo>
                    <a:lnTo>
                      <a:pt x="136" y="89"/>
                    </a:lnTo>
                    <a:lnTo>
                      <a:pt x="156" y="99"/>
                    </a:lnTo>
                    <a:lnTo>
                      <a:pt x="195" y="127"/>
                    </a:lnTo>
                    <a:lnTo>
                      <a:pt x="130" y="86"/>
                    </a:lnTo>
                    <a:lnTo>
                      <a:pt x="122" y="75"/>
                    </a:lnTo>
                    <a:lnTo>
                      <a:pt x="119" y="70"/>
                    </a:lnTo>
                    <a:lnTo>
                      <a:pt x="119" y="43"/>
                    </a:lnTo>
                    <a:lnTo>
                      <a:pt x="125" y="52"/>
                    </a:lnTo>
                    <a:lnTo>
                      <a:pt x="134" y="64"/>
                    </a:lnTo>
                    <a:lnTo>
                      <a:pt x="150" y="86"/>
                    </a:lnTo>
                    <a:lnTo>
                      <a:pt x="172" y="108"/>
                    </a:lnTo>
                    <a:lnTo>
                      <a:pt x="178" y="119"/>
                    </a:lnTo>
                    <a:lnTo>
                      <a:pt x="125" y="62"/>
                    </a:lnTo>
                    <a:lnTo>
                      <a:pt x="125" y="46"/>
                    </a:lnTo>
                    <a:lnTo>
                      <a:pt x="128" y="32"/>
                    </a:lnTo>
                    <a:lnTo>
                      <a:pt x="125" y="23"/>
                    </a:lnTo>
                    <a:lnTo>
                      <a:pt x="122" y="21"/>
                    </a:lnTo>
                    <a:lnTo>
                      <a:pt x="125" y="16"/>
                    </a:lnTo>
                    <a:lnTo>
                      <a:pt x="128" y="8"/>
                    </a:lnTo>
                    <a:lnTo>
                      <a:pt x="134" y="2"/>
                    </a:lnTo>
                    <a:lnTo>
                      <a:pt x="139" y="0"/>
                    </a:lnTo>
                    <a:lnTo>
                      <a:pt x="128" y="2"/>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7" name="Freeform 88"/>
              <p:cNvSpPr>
                <a:spLocks/>
              </p:cNvSpPr>
              <p:nvPr/>
            </p:nvSpPr>
            <p:spPr bwMode="ltGray">
              <a:xfrm>
                <a:off x="5091" y="3509"/>
                <a:ext cx="122" cy="289"/>
              </a:xfrm>
              <a:custGeom>
                <a:avLst/>
                <a:gdLst>
                  <a:gd name="T0" fmla="*/ 121 w 122"/>
                  <a:gd name="T1" fmla="*/ 103 h 289"/>
                  <a:gd name="T2" fmla="*/ 108 w 122"/>
                  <a:gd name="T3" fmla="*/ 10 h 289"/>
                  <a:gd name="T4" fmla="*/ 92 w 122"/>
                  <a:gd name="T5" fmla="*/ 1 h 289"/>
                  <a:gd name="T6" fmla="*/ 79 w 122"/>
                  <a:gd name="T7" fmla="*/ 0 h 289"/>
                  <a:gd name="T8" fmla="*/ 58 w 122"/>
                  <a:gd name="T9" fmla="*/ 4 h 289"/>
                  <a:gd name="T10" fmla="*/ 45 w 122"/>
                  <a:gd name="T11" fmla="*/ 14 h 289"/>
                  <a:gd name="T12" fmla="*/ 31 w 122"/>
                  <a:gd name="T13" fmla="*/ 28 h 289"/>
                  <a:gd name="T14" fmla="*/ 17 w 122"/>
                  <a:gd name="T15" fmla="*/ 54 h 289"/>
                  <a:gd name="T16" fmla="*/ 9 w 122"/>
                  <a:gd name="T17" fmla="*/ 90 h 289"/>
                  <a:gd name="T18" fmla="*/ 5 w 122"/>
                  <a:gd name="T19" fmla="*/ 121 h 289"/>
                  <a:gd name="T20" fmla="*/ 0 w 122"/>
                  <a:gd name="T21" fmla="*/ 164 h 289"/>
                  <a:gd name="T22" fmla="*/ 0 w 122"/>
                  <a:gd name="T23" fmla="*/ 192 h 289"/>
                  <a:gd name="T24" fmla="*/ 9 w 122"/>
                  <a:gd name="T25" fmla="*/ 230 h 289"/>
                  <a:gd name="T26" fmla="*/ 27 w 122"/>
                  <a:gd name="T27" fmla="*/ 262 h 289"/>
                  <a:gd name="T28" fmla="*/ 45 w 122"/>
                  <a:gd name="T29" fmla="*/ 288 h 289"/>
                  <a:gd name="T30" fmla="*/ 35 w 122"/>
                  <a:gd name="T31" fmla="*/ 249 h 289"/>
                  <a:gd name="T32" fmla="*/ 31 w 122"/>
                  <a:gd name="T33" fmla="*/ 212 h 289"/>
                  <a:gd name="T34" fmla="*/ 33 w 122"/>
                  <a:gd name="T35" fmla="*/ 174 h 289"/>
                  <a:gd name="T36" fmla="*/ 35 w 122"/>
                  <a:gd name="T37" fmla="*/ 141 h 289"/>
                  <a:gd name="T38" fmla="*/ 39 w 122"/>
                  <a:gd name="T39" fmla="*/ 107 h 289"/>
                  <a:gd name="T40" fmla="*/ 45 w 122"/>
                  <a:gd name="T41" fmla="*/ 76 h 289"/>
                  <a:gd name="T42" fmla="*/ 47 w 122"/>
                  <a:gd name="T43" fmla="*/ 53 h 289"/>
                  <a:gd name="T44" fmla="*/ 55 w 122"/>
                  <a:gd name="T45" fmla="*/ 30 h 289"/>
                  <a:gd name="T46" fmla="*/ 73 w 122"/>
                  <a:gd name="T47" fmla="*/ 11 h 289"/>
                  <a:gd name="T48" fmla="*/ 88 w 122"/>
                  <a:gd name="T49" fmla="*/ 13 h 289"/>
                  <a:gd name="T50" fmla="*/ 103 w 122"/>
                  <a:gd name="T51" fmla="*/ 65 h 289"/>
                  <a:gd name="T52" fmla="*/ 116 w 122"/>
                  <a:gd name="T53" fmla="*/ 76 h 289"/>
                  <a:gd name="T54" fmla="*/ 121 w 122"/>
                  <a:gd name="T55" fmla="*/ 103 h 2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122" h="289">
                    <a:moveTo>
                      <a:pt x="121" y="103"/>
                    </a:moveTo>
                    <a:lnTo>
                      <a:pt x="108" y="10"/>
                    </a:lnTo>
                    <a:lnTo>
                      <a:pt x="92" y="1"/>
                    </a:lnTo>
                    <a:lnTo>
                      <a:pt x="79" y="0"/>
                    </a:lnTo>
                    <a:lnTo>
                      <a:pt x="58" y="4"/>
                    </a:lnTo>
                    <a:lnTo>
                      <a:pt x="45" y="14"/>
                    </a:lnTo>
                    <a:lnTo>
                      <a:pt x="31" y="28"/>
                    </a:lnTo>
                    <a:lnTo>
                      <a:pt x="17" y="54"/>
                    </a:lnTo>
                    <a:lnTo>
                      <a:pt x="9" y="90"/>
                    </a:lnTo>
                    <a:lnTo>
                      <a:pt x="5" y="121"/>
                    </a:lnTo>
                    <a:lnTo>
                      <a:pt x="0" y="164"/>
                    </a:lnTo>
                    <a:lnTo>
                      <a:pt x="0" y="192"/>
                    </a:lnTo>
                    <a:lnTo>
                      <a:pt x="9" y="230"/>
                    </a:lnTo>
                    <a:lnTo>
                      <a:pt x="27" y="262"/>
                    </a:lnTo>
                    <a:lnTo>
                      <a:pt x="45" y="288"/>
                    </a:lnTo>
                    <a:lnTo>
                      <a:pt x="35" y="249"/>
                    </a:lnTo>
                    <a:lnTo>
                      <a:pt x="31" y="212"/>
                    </a:lnTo>
                    <a:lnTo>
                      <a:pt x="33" y="174"/>
                    </a:lnTo>
                    <a:lnTo>
                      <a:pt x="35" y="141"/>
                    </a:lnTo>
                    <a:lnTo>
                      <a:pt x="39" y="107"/>
                    </a:lnTo>
                    <a:lnTo>
                      <a:pt x="45" y="76"/>
                    </a:lnTo>
                    <a:lnTo>
                      <a:pt x="47" y="53"/>
                    </a:lnTo>
                    <a:lnTo>
                      <a:pt x="55" y="30"/>
                    </a:lnTo>
                    <a:lnTo>
                      <a:pt x="73" y="11"/>
                    </a:lnTo>
                    <a:lnTo>
                      <a:pt x="88" y="13"/>
                    </a:lnTo>
                    <a:lnTo>
                      <a:pt x="103" y="65"/>
                    </a:lnTo>
                    <a:lnTo>
                      <a:pt x="116" y="76"/>
                    </a:lnTo>
                    <a:lnTo>
                      <a:pt x="121" y="103"/>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8" name="Freeform 89"/>
              <p:cNvSpPr>
                <a:spLocks/>
              </p:cNvSpPr>
              <p:nvPr/>
            </p:nvSpPr>
            <p:spPr bwMode="ltGray">
              <a:xfrm>
                <a:off x="4882" y="3332"/>
                <a:ext cx="266" cy="590"/>
              </a:xfrm>
              <a:custGeom>
                <a:avLst/>
                <a:gdLst>
                  <a:gd name="T0" fmla="*/ 178 w 266"/>
                  <a:gd name="T1" fmla="*/ 6 h 590"/>
                  <a:gd name="T2" fmla="*/ 171 w 266"/>
                  <a:gd name="T3" fmla="*/ 25 h 590"/>
                  <a:gd name="T4" fmla="*/ 112 w 266"/>
                  <a:gd name="T5" fmla="*/ 21 h 590"/>
                  <a:gd name="T6" fmla="*/ 135 w 266"/>
                  <a:gd name="T7" fmla="*/ 29 h 590"/>
                  <a:gd name="T8" fmla="*/ 161 w 266"/>
                  <a:gd name="T9" fmla="*/ 40 h 590"/>
                  <a:gd name="T10" fmla="*/ 105 w 266"/>
                  <a:gd name="T11" fmla="*/ 55 h 590"/>
                  <a:gd name="T12" fmla="*/ 148 w 266"/>
                  <a:gd name="T13" fmla="*/ 60 h 590"/>
                  <a:gd name="T14" fmla="*/ 152 w 266"/>
                  <a:gd name="T15" fmla="*/ 77 h 590"/>
                  <a:gd name="T16" fmla="*/ 26 w 266"/>
                  <a:gd name="T17" fmla="*/ 160 h 590"/>
                  <a:gd name="T18" fmla="*/ 143 w 266"/>
                  <a:gd name="T19" fmla="*/ 100 h 590"/>
                  <a:gd name="T20" fmla="*/ 118 w 266"/>
                  <a:gd name="T21" fmla="*/ 134 h 590"/>
                  <a:gd name="T22" fmla="*/ 134 w 266"/>
                  <a:gd name="T23" fmla="*/ 137 h 590"/>
                  <a:gd name="T24" fmla="*/ 112 w 266"/>
                  <a:gd name="T25" fmla="*/ 184 h 590"/>
                  <a:gd name="T26" fmla="*/ 66 w 266"/>
                  <a:gd name="T27" fmla="*/ 234 h 590"/>
                  <a:gd name="T28" fmla="*/ 118 w 266"/>
                  <a:gd name="T29" fmla="*/ 197 h 590"/>
                  <a:gd name="T30" fmla="*/ 75 w 266"/>
                  <a:gd name="T31" fmla="*/ 271 h 590"/>
                  <a:gd name="T32" fmla="*/ 115 w 266"/>
                  <a:gd name="T33" fmla="*/ 223 h 590"/>
                  <a:gd name="T34" fmla="*/ 124 w 266"/>
                  <a:gd name="T35" fmla="*/ 223 h 590"/>
                  <a:gd name="T36" fmla="*/ 108 w 266"/>
                  <a:gd name="T37" fmla="*/ 266 h 590"/>
                  <a:gd name="T38" fmla="*/ 121 w 266"/>
                  <a:gd name="T39" fmla="*/ 266 h 590"/>
                  <a:gd name="T40" fmla="*/ 97 w 266"/>
                  <a:gd name="T41" fmla="*/ 317 h 590"/>
                  <a:gd name="T42" fmla="*/ 111 w 266"/>
                  <a:gd name="T43" fmla="*/ 304 h 590"/>
                  <a:gd name="T44" fmla="*/ 98 w 266"/>
                  <a:gd name="T45" fmla="*/ 352 h 590"/>
                  <a:gd name="T46" fmla="*/ 108 w 266"/>
                  <a:gd name="T47" fmla="*/ 336 h 590"/>
                  <a:gd name="T48" fmla="*/ 120 w 266"/>
                  <a:gd name="T49" fmla="*/ 331 h 590"/>
                  <a:gd name="T50" fmla="*/ 112 w 266"/>
                  <a:gd name="T51" fmla="*/ 367 h 590"/>
                  <a:gd name="T52" fmla="*/ 88 w 266"/>
                  <a:gd name="T53" fmla="*/ 432 h 590"/>
                  <a:gd name="T54" fmla="*/ 120 w 266"/>
                  <a:gd name="T55" fmla="*/ 382 h 590"/>
                  <a:gd name="T56" fmla="*/ 127 w 266"/>
                  <a:gd name="T57" fmla="*/ 373 h 590"/>
                  <a:gd name="T58" fmla="*/ 125 w 266"/>
                  <a:gd name="T59" fmla="*/ 427 h 590"/>
                  <a:gd name="T60" fmla="*/ 135 w 266"/>
                  <a:gd name="T61" fmla="*/ 454 h 590"/>
                  <a:gd name="T62" fmla="*/ 139 w 266"/>
                  <a:gd name="T63" fmla="*/ 424 h 590"/>
                  <a:gd name="T64" fmla="*/ 234 w 266"/>
                  <a:gd name="T65" fmla="*/ 504 h 590"/>
                  <a:gd name="T66" fmla="*/ 148 w 266"/>
                  <a:gd name="T67" fmla="*/ 387 h 590"/>
                  <a:gd name="T68" fmla="*/ 167 w 266"/>
                  <a:gd name="T69" fmla="*/ 412 h 590"/>
                  <a:gd name="T70" fmla="*/ 141 w 266"/>
                  <a:gd name="T71" fmla="*/ 346 h 590"/>
                  <a:gd name="T72" fmla="*/ 245 w 266"/>
                  <a:gd name="T73" fmla="*/ 398 h 590"/>
                  <a:gd name="T74" fmla="*/ 141 w 266"/>
                  <a:gd name="T75" fmla="*/ 327 h 590"/>
                  <a:gd name="T76" fmla="*/ 156 w 266"/>
                  <a:gd name="T77" fmla="*/ 310 h 590"/>
                  <a:gd name="T78" fmla="*/ 144 w 266"/>
                  <a:gd name="T79" fmla="*/ 283 h 590"/>
                  <a:gd name="T80" fmla="*/ 161 w 266"/>
                  <a:gd name="T81" fmla="*/ 283 h 590"/>
                  <a:gd name="T82" fmla="*/ 208 w 266"/>
                  <a:gd name="T83" fmla="*/ 333 h 590"/>
                  <a:gd name="T84" fmla="*/ 162 w 266"/>
                  <a:gd name="T85" fmla="*/ 238 h 590"/>
                  <a:gd name="T86" fmla="*/ 153 w 266"/>
                  <a:gd name="T87" fmla="*/ 202 h 590"/>
                  <a:gd name="T88" fmla="*/ 167 w 266"/>
                  <a:gd name="T89" fmla="*/ 196 h 590"/>
                  <a:gd name="T90" fmla="*/ 164 w 266"/>
                  <a:gd name="T91" fmla="*/ 163 h 590"/>
                  <a:gd name="T92" fmla="*/ 170 w 266"/>
                  <a:gd name="T93" fmla="*/ 158 h 590"/>
                  <a:gd name="T94" fmla="*/ 201 w 266"/>
                  <a:gd name="T95" fmla="*/ 189 h 590"/>
                  <a:gd name="T96" fmla="*/ 176 w 266"/>
                  <a:gd name="T97" fmla="*/ 140 h 590"/>
                  <a:gd name="T98" fmla="*/ 178 w 266"/>
                  <a:gd name="T99" fmla="*/ 98 h 590"/>
                  <a:gd name="T100" fmla="*/ 176 w 266"/>
                  <a:gd name="T101" fmla="*/ 75 h 590"/>
                  <a:gd name="T102" fmla="*/ 204 w 266"/>
                  <a:gd name="T103" fmla="*/ 74 h 590"/>
                  <a:gd name="T104" fmla="*/ 197 w 266"/>
                  <a:gd name="T105" fmla="*/ 40 h 590"/>
                  <a:gd name="T106" fmla="*/ 209 w 266"/>
                  <a:gd name="T107" fmla="*/ 32 h 590"/>
                  <a:gd name="T108" fmla="*/ 205 w 266"/>
                  <a:gd name="T109" fmla="*/ 0 h 59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266" h="590">
                    <a:moveTo>
                      <a:pt x="205" y="0"/>
                    </a:moveTo>
                    <a:lnTo>
                      <a:pt x="195" y="1"/>
                    </a:lnTo>
                    <a:lnTo>
                      <a:pt x="178" y="6"/>
                    </a:lnTo>
                    <a:lnTo>
                      <a:pt x="190" y="9"/>
                    </a:lnTo>
                    <a:lnTo>
                      <a:pt x="181" y="16"/>
                    </a:lnTo>
                    <a:lnTo>
                      <a:pt x="171" y="25"/>
                    </a:lnTo>
                    <a:lnTo>
                      <a:pt x="157" y="28"/>
                    </a:lnTo>
                    <a:lnTo>
                      <a:pt x="135" y="27"/>
                    </a:lnTo>
                    <a:lnTo>
                      <a:pt x="112" y="21"/>
                    </a:lnTo>
                    <a:lnTo>
                      <a:pt x="52" y="27"/>
                    </a:lnTo>
                    <a:lnTo>
                      <a:pt x="111" y="23"/>
                    </a:lnTo>
                    <a:lnTo>
                      <a:pt x="135" y="29"/>
                    </a:lnTo>
                    <a:lnTo>
                      <a:pt x="157" y="28"/>
                    </a:lnTo>
                    <a:lnTo>
                      <a:pt x="171" y="33"/>
                    </a:lnTo>
                    <a:lnTo>
                      <a:pt x="161" y="40"/>
                    </a:lnTo>
                    <a:lnTo>
                      <a:pt x="167" y="43"/>
                    </a:lnTo>
                    <a:lnTo>
                      <a:pt x="148" y="56"/>
                    </a:lnTo>
                    <a:lnTo>
                      <a:pt x="105" y="55"/>
                    </a:lnTo>
                    <a:lnTo>
                      <a:pt x="50" y="102"/>
                    </a:lnTo>
                    <a:lnTo>
                      <a:pt x="105" y="56"/>
                    </a:lnTo>
                    <a:lnTo>
                      <a:pt x="148" y="60"/>
                    </a:lnTo>
                    <a:lnTo>
                      <a:pt x="161" y="61"/>
                    </a:lnTo>
                    <a:lnTo>
                      <a:pt x="138" y="77"/>
                    </a:lnTo>
                    <a:lnTo>
                      <a:pt x="152" y="77"/>
                    </a:lnTo>
                    <a:lnTo>
                      <a:pt x="127" y="95"/>
                    </a:lnTo>
                    <a:lnTo>
                      <a:pt x="80" y="119"/>
                    </a:lnTo>
                    <a:lnTo>
                      <a:pt x="26" y="160"/>
                    </a:lnTo>
                    <a:lnTo>
                      <a:pt x="82" y="122"/>
                    </a:lnTo>
                    <a:lnTo>
                      <a:pt x="129" y="98"/>
                    </a:lnTo>
                    <a:lnTo>
                      <a:pt x="143" y="100"/>
                    </a:lnTo>
                    <a:lnTo>
                      <a:pt x="121" y="114"/>
                    </a:lnTo>
                    <a:lnTo>
                      <a:pt x="135" y="117"/>
                    </a:lnTo>
                    <a:lnTo>
                      <a:pt x="118" y="134"/>
                    </a:lnTo>
                    <a:lnTo>
                      <a:pt x="4" y="276"/>
                    </a:lnTo>
                    <a:lnTo>
                      <a:pt x="118" y="137"/>
                    </a:lnTo>
                    <a:lnTo>
                      <a:pt x="134" y="137"/>
                    </a:lnTo>
                    <a:lnTo>
                      <a:pt x="116" y="158"/>
                    </a:lnTo>
                    <a:lnTo>
                      <a:pt x="129" y="158"/>
                    </a:lnTo>
                    <a:lnTo>
                      <a:pt x="112" y="184"/>
                    </a:lnTo>
                    <a:lnTo>
                      <a:pt x="66" y="233"/>
                    </a:lnTo>
                    <a:lnTo>
                      <a:pt x="18" y="303"/>
                    </a:lnTo>
                    <a:lnTo>
                      <a:pt x="66" y="234"/>
                    </a:lnTo>
                    <a:lnTo>
                      <a:pt x="115" y="186"/>
                    </a:lnTo>
                    <a:lnTo>
                      <a:pt x="129" y="178"/>
                    </a:lnTo>
                    <a:lnTo>
                      <a:pt x="118" y="197"/>
                    </a:lnTo>
                    <a:lnTo>
                      <a:pt x="127" y="194"/>
                    </a:lnTo>
                    <a:lnTo>
                      <a:pt x="112" y="220"/>
                    </a:lnTo>
                    <a:lnTo>
                      <a:pt x="75" y="271"/>
                    </a:lnTo>
                    <a:lnTo>
                      <a:pt x="0" y="338"/>
                    </a:lnTo>
                    <a:lnTo>
                      <a:pt x="73" y="273"/>
                    </a:lnTo>
                    <a:lnTo>
                      <a:pt x="115" y="223"/>
                    </a:lnTo>
                    <a:lnTo>
                      <a:pt x="120" y="223"/>
                    </a:lnTo>
                    <a:lnTo>
                      <a:pt x="50" y="373"/>
                    </a:lnTo>
                    <a:lnTo>
                      <a:pt x="124" y="223"/>
                    </a:lnTo>
                    <a:lnTo>
                      <a:pt x="115" y="243"/>
                    </a:lnTo>
                    <a:lnTo>
                      <a:pt x="124" y="236"/>
                    </a:lnTo>
                    <a:lnTo>
                      <a:pt x="108" y="266"/>
                    </a:lnTo>
                    <a:lnTo>
                      <a:pt x="60" y="336"/>
                    </a:lnTo>
                    <a:lnTo>
                      <a:pt x="108" y="271"/>
                    </a:lnTo>
                    <a:lnTo>
                      <a:pt x="121" y="266"/>
                    </a:lnTo>
                    <a:lnTo>
                      <a:pt x="108" y="286"/>
                    </a:lnTo>
                    <a:lnTo>
                      <a:pt x="52" y="424"/>
                    </a:lnTo>
                    <a:lnTo>
                      <a:pt x="97" y="317"/>
                    </a:lnTo>
                    <a:lnTo>
                      <a:pt x="112" y="286"/>
                    </a:lnTo>
                    <a:lnTo>
                      <a:pt x="121" y="283"/>
                    </a:lnTo>
                    <a:lnTo>
                      <a:pt x="111" y="304"/>
                    </a:lnTo>
                    <a:lnTo>
                      <a:pt x="120" y="302"/>
                    </a:lnTo>
                    <a:lnTo>
                      <a:pt x="105" y="328"/>
                    </a:lnTo>
                    <a:lnTo>
                      <a:pt x="98" y="352"/>
                    </a:lnTo>
                    <a:lnTo>
                      <a:pt x="25" y="430"/>
                    </a:lnTo>
                    <a:lnTo>
                      <a:pt x="100" y="353"/>
                    </a:lnTo>
                    <a:lnTo>
                      <a:pt x="108" y="336"/>
                    </a:lnTo>
                    <a:lnTo>
                      <a:pt x="118" y="331"/>
                    </a:lnTo>
                    <a:lnTo>
                      <a:pt x="100" y="377"/>
                    </a:lnTo>
                    <a:lnTo>
                      <a:pt x="120" y="331"/>
                    </a:lnTo>
                    <a:lnTo>
                      <a:pt x="108" y="353"/>
                    </a:lnTo>
                    <a:lnTo>
                      <a:pt x="121" y="348"/>
                    </a:lnTo>
                    <a:lnTo>
                      <a:pt x="112" y="367"/>
                    </a:lnTo>
                    <a:lnTo>
                      <a:pt x="88" y="432"/>
                    </a:lnTo>
                    <a:lnTo>
                      <a:pt x="62" y="471"/>
                    </a:lnTo>
                    <a:lnTo>
                      <a:pt x="88" y="432"/>
                    </a:lnTo>
                    <a:lnTo>
                      <a:pt x="115" y="370"/>
                    </a:lnTo>
                    <a:lnTo>
                      <a:pt x="124" y="367"/>
                    </a:lnTo>
                    <a:lnTo>
                      <a:pt x="120" y="382"/>
                    </a:lnTo>
                    <a:lnTo>
                      <a:pt x="100" y="424"/>
                    </a:lnTo>
                    <a:lnTo>
                      <a:pt x="121" y="387"/>
                    </a:lnTo>
                    <a:lnTo>
                      <a:pt x="127" y="373"/>
                    </a:lnTo>
                    <a:lnTo>
                      <a:pt x="118" y="406"/>
                    </a:lnTo>
                    <a:lnTo>
                      <a:pt x="129" y="400"/>
                    </a:lnTo>
                    <a:lnTo>
                      <a:pt x="125" y="427"/>
                    </a:lnTo>
                    <a:lnTo>
                      <a:pt x="132" y="416"/>
                    </a:lnTo>
                    <a:lnTo>
                      <a:pt x="138" y="425"/>
                    </a:lnTo>
                    <a:lnTo>
                      <a:pt x="135" y="454"/>
                    </a:lnTo>
                    <a:lnTo>
                      <a:pt x="89" y="589"/>
                    </a:lnTo>
                    <a:lnTo>
                      <a:pt x="139" y="454"/>
                    </a:lnTo>
                    <a:lnTo>
                      <a:pt x="139" y="424"/>
                    </a:lnTo>
                    <a:lnTo>
                      <a:pt x="139" y="406"/>
                    </a:lnTo>
                    <a:lnTo>
                      <a:pt x="150" y="416"/>
                    </a:lnTo>
                    <a:lnTo>
                      <a:pt x="234" y="504"/>
                    </a:lnTo>
                    <a:lnTo>
                      <a:pt x="146" y="406"/>
                    </a:lnTo>
                    <a:lnTo>
                      <a:pt x="139" y="382"/>
                    </a:lnTo>
                    <a:lnTo>
                      <a:pt x="148" y="387"/>
                    </a:lnTo>
                    <a:lnTo>
                      <a:pt x="135" y="356"/>
                    </a:lnTo>
                    <a:lnTo>
                      <a:pt x="146" y="369"/>
                    </a:lnTo>
                    <a:lnTo>
                      <a:pt x="167" y="412"/>
                    </a:lnTo>
                    <a:lnTo>
                      <a:pt x="148" y="365"/>
                    </a:lnTo>
                    <a:lnTo>
                      <a:pt x="139" y="346"/>
                    </a:lnTo>
                    <a:lnTo>
                      <a:pt x="141" y="346"/>
                    </a:lnTo>
                    <a:lnTo>
                      <a:pt x="152" y="356"/>
                    </a:lnTo>
                    <a:lnTo>
                      <a:pt x="173" y="380"/>
                    </a:lnTo>
                    <a:lnTo>
                      <a:pt x="245" y="398"/>
                    </a:lnTo>
                    <a:lnTo>
                      <a:pt x="171" y="377"/>
                    </a:lnTo>
                    <a:lnTo>
                      <a:pt x="148" y="348"/>
                    </a:lnTo>
                    <a:lnTo>
                      <a:pt x="141" y="327"/>
                    </a:lnTo>
                    <a:lnTo>
                      <a:pt x="152" y="327"/>
                    </a:lnTo>
                    <a:lnTo>
                      <a:pt x="141" y="304"/>
                    </a:lnTo>
                    <a:lnTo>
                      <a:pt x="156" y="310"/>
                    </a:lnTo>
                    <a:lnTo>
                      <a:pt x="205" y="352"/>
                    </a:lnTo>
                    <a:lnTo>
                      <a:pt x="156" y="308"/>
                    </a:lnTo>
                    <a:lnTo>
                      <a:pt x="144" y="283"/>
                    </a:lnTo>
                    <a:lnTo>
                      <a:pt x="157" y="290"/>
                    </a:lnTo>
                    <a:lnTo>
                      <a:pt x="148" y="270"/>
                    </a:lnTo>
                    <a:lnTo>
                      <a:pt x="161" y="283"/>
                    </a:lnTo>
                    <a:lnTo>
                      <a:pt x="152" y="253"/>
                    </a:lnTo>
                    <a:lnTo>
                      <a:pt x="162" y="268"/>
                    </a:lnTo>
                    <a:lnTo>
                      <a:pt x="208" y="333"/>
                    </a:lnTo>
                    <a:lnTo>
                      <a:pt x="161" y="268"/>
                    </a:lnTo>
                    <a:lnTo>
                      <a:pt x="150" y="229"/>
                    </a:lnTo>
                    <a:lnTo>
                      <a:pt x="162" y="238"/>
                    </a:lnTo>
                    <a:lnTo>
                      <a:pt x="236" y="275"/>
                    </a:lnTo>
                    <a:lnTo>
                      <a:pt x="162" y="236"/>
                    </a:lnTo>
                    <a:lnTo>
                      <a:pt x="153" y="202"/>
                    </a:lnTo>
                    <a:lnTo>
                      <a:pt x="164" y="207"/>
                    </a:lnTo>
                    <a:lnTo>
                      <a:pt x="156" y="189"/>
                    </a:lnTo>
                    <a:lnTo>
                      <a:pt x="167" y="196"/>
                    </a:lnTo>
                    <a:lnTo>
                      <a:pt x="200" y="288"/>
                    </a:lnTo>
                    <a:lnTo>
                      <a:pt x="164" y="188"/>
                    </a:lnTo>
                    <a:lnTo>
                      <a:pt x="164" y="163"/>
                    </a:lnTo>
                    <a:lnTo>
                      <a:pt x="175" y="173"/>
                    </a:lnTo>
                    <a:lnTo>
                      <a:pt x="197" y="226"/>
                    </a:lnTo>
                    <a:lnTo>
                      <a:pt x="170" y="158"/>
                    </a:lnTo>
                    <a:lnTo>
                      <a:pt x="167" y="137"/>
                    </a:lnTo>
                    <a:lnTo>
                      <a:pt x="175" y="147"/>
                    </a:lnTo>
                    <a:lnTo>
                      <a:pt x="201" y="189"/>
                    </a:lnTo>
                    <a:lnTo>
                      <a:pt x="265" y="213"/>
                    </a:lnTo>
                    <a:lnTo>
                      <a:pt x="200" y="186"/>
                    </a:lnTo>
                    <a:lnTo>
                      <a:pt x="176" y="140"/>
                    </a:lnTo>
                    <a:lnTo>
                      <a:pt x="173" y="112"/>
                    </a:lnTo>
                    <a:lnTo>
                      <a:pt x="184" y="126"/>
                    </a:lnTo>
                    <a:lnTo>
                      <a:pt x="178" y="98"/>
                    </a:lnTo>
                    <a:lnTo>
                      <a:pt x="220" y="169"/>
                    </a:lnTo>
                    <a:lnTo>
                      <a:pt x="181" y="95"/>
                    </a:lnTo>
                    <a:lnTo>
                      <a:pt x="176" y="75"/>
                    </a:lnTo>
                    <a:lnTo>
                      <a:pt x="190" y="90"/>
                    </a:lnTo>
                    <a:lnTo>
                      <a:pt x="187" y="58"/>
                    </a:lnTo>
                    <a:lnTo>
                      <a:pt x="204" y="74"/>
                    </a:lnTo>
                    <a:lnTo>
                      <a:pt x="261" y="129"/>
                    </a:lnTo>
                    <a:lnTo>
                      <a:pt x="204" y="72"/>
                    </a:lnTo>
                    <a:lnTo>
                      <a:pt x="197" y="40"/>
                    </a:lnTo>
                    <a:lnTo>
                      <a:pt x="205" y="48"/>
                    </a:lnTo>
                    <a:lnTo>
                      <a:pt x="200" y="25"/>
                    </a:lnTo>
                    <a:lnTo>
                      <a:pt x="209" y="32"/>
                    </a:lnTo>
                    <a:lnTo>
                      <a:pt x="211" y="13"/>
                    </a:lnTo>
                    <a:lnTo>
                      <a:pt x="209" y="4"/>
                    </a:lnTo>
                    <a:lnTo>
                      <a:pt x="205"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19" name="Freeform 90"/>
              <p:cNvSpPr>
                <a:spLocks/>
              </p:cNvSpPr>
              <p:nvPr/>
            </p:nvSpPr>
            <p:spPr bwMode="ltGray">
              <a:xfrm>
                <a:off x="5200" y="3441"/>
                <a:ext cx="112" cy="329"/>
              </a:xfrm>
              <a:custGeom>
                <a:avLst/>
                <a:gdLst>
                  <a:gd name="T0" fmla="*/ 2 w 112"/>
                  <a:gd name="T1" fmla="*/ 52 h 329"/>
                  <a:gd name="T2" fmla="*/ 25 w 112"/>
                  <a:gd name="T3" fmla="*/ 0 h 329"/>
                  <a:gd name="T4" fmla="*/ 40 w 112"/>
                  <a:gd name="T5" fmla="*/ 1 h 329"/>
                  <a:gd name="T6" fmla="*/ 53 w 112"/>
                  <a:gd name="T7" fmla="*/ 4 h 329"/>
                  <a:gd name="T8" fmla="*/ 62 w 112"/>
                  <a:gd name="T9" fmla="*/ 18 h 329"/>
                  <a:gd name="T10" fmla="*/ 87 w 112"/>
                  <a:gd name="T11" fmla="*/ 60 h 329"/>
                  <a:gd name="T12" fmla="*/ 96 w 112"/>
                  <a:gd name="T13" fmla="*/ 79 h 329"/>
                  <a:gd name="T14" fmla="*/ 102 w 112"/>
                  <a:gd name="T15" fmla="*/ 98 h 329"/>
                  <a:gd name="T16" fmla="*/ 108 w 112"/>
                  <a:gd name="T17" fmla="*/ 154 h 329"/>
                  <a:gd name="T18" fmla="*/ 111 w 112"/>
                  <a:gd name="T19" fmla="*/ 170 h 329"/>
                  <a:gd name="T20" fmla="*/ 108 w 112"/>
                  <a:gd name="T21" fmla="*/ 192 h 329"/>
                  <a:gd name="T22" fmla="*/ 104 w 112"/>
                  <a:gd name="T23" fmla="*/ 215 h 329"/>
                  <a:gd name="T24" fmla="*/ 94 w 112"/>
                  <a:gd name="T25" fmla="*/ 250 h 329"/>
                  <a:gd name="T26" fmla="*/ 86 w 112"/>
                  <a:gd name="T27" fmla="*/ 272 h 329"/>
                  <a:gd name="T28" fmla="*/ 73 w 112"/>
                  <a:gd name="T29" fmla="*/ 297 h 329"/>
                  <a:gd name="T30" fmla="*/ 48 w 112"/>
                  <a:gd name="T31" fmla="*/ 328 h 329"/>
                  <a:gd name="T32" fmla="*/ 61 w 112"/>
                  <a:gd name="T33" fmla="*/ 290 h 329"/>
                  <a:gd name="T34" fmla="*/ 72 w 112"/>
                  <a:gd name="T35" fmla="*/ 254 h 329"/>
                  <a:gd name="T36" fmla="*/ 77 w 112"/>
                  <a:gd name="T37" fmla="*/ 222 h 329"/>
                  <a:gd name="T38" fmla="*/ 75 w 112"/>
                  <a:gd name="T39" fmla="*/ 192 h 329"/>
                  <a:gd name="T40" fmla="*/ 73 w 112"/>
                  <a:gd name="T41" fmla="*/ 170 h 329"/>
                  <a:gd name="T42" fmla="*/ 77 w 112"/>
                  <a:gd name="T43" fmla="*/ 144 h 329"/>
                  <a:gd name="T44" fmla="*/ 80 w 112"/>
                  <a:gd name="T45" fmla="*/ 122 h 329"/>
                  <a:gd name="T46" fmla="*/ 69 w 112"/>
                  <a:gd name="T47" fmla="*/ 79 h 329"/>
                  <a:gd name="T48" fmla="*/ 67 w 112"/>
                  <a:gd name="T49" fmla="*/ 56 h 329"/>
                  <a:gd name="T50" fmla="*/ 58 w 112"/>
                  <a:gd name="T51" fmla="*/ 37 h 329"/>
                  <a:gd name="T52" fmla="*/ 40 w 112"/>
                  <a:gd name="T53" fmla="*/ 14 h 329"/>
                  <a:gd name="T54" fmla="*/ 31 w 112"/>
                  <a:gd name="T55" fmla="*/ 32 h 329"/>
                  <a:gd name="T56" fmla="*/ 0 w 112"/>
                  <a:gd name="T57" fmla="*/ 62 h 329"/>
                  <a:gd name="T58" fmla="*/ 2 w 112"/>
                  <a:gd name="T59" fmla="*/ 52 h 32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12" h="329">
                    <a:moveTo>
                      <a:pt x="2" y="52"/>
                    </a:moveTo>
                    <a:lnTo>
                      <a:pt x="25" y="0"/>
                    </a:lnTo>
                    <a:lnTo>
                      <a:pt x="40" y="1"/>
                    </a:lnTo>
                    <a:lnTo>
                      <a:pt x="53" y="4"/>
                    </a:lnTo>
                    <a:lnTo>
                      <a:pt x="62" y="18"/>
                    </a:lnTo>
                    <a:lnTo>
                      <a:pt x="87" y="60"/>
                    </a:lnTo>
                    <a:lnTo>
                      <a:pt x="96" y="79"/>
                    </a:lnTo>
                    <a:lnTo>
                      <a:pt x="102" y="98"/>
                    </a:lnTo>
                    <a:lnTo>
                      <a:pt x="108" y="154"/>
                    </a:lnTo>
                    <a:lnTo>
                      <a:pt x="111" y="170"/>
                    </a:lnTo>
                    <a:lnTo>
                      <a:pt x="108" y="192"/>
                    </a:lnTo>
                    <a:lnTo>
                      <a:pt x="104" y="215"/>
                    </a:lnTo>
                    <a:lnTo>
                      <a:pt x="94" y="250"/>
                    </a:lnTo>
                    <a:lnTo>
                      <a:pt x="86" y="272"/>
                    </a:lnTo>
                    <a:lnTo>
                      <a:pt x="73" y="297"/>
                    </a:lnTo>
                    <a:lnTo>
                      <a:pt x="48" y="328"/>
                    </a:lnTo>
                    <a:lnTo>
                      <a:pt x="61" y="290"/>
                    </a:lnTo>
                    <a:lnTo>
                      <a:pt x="72" y="254"/>
                    </a:lnTo>
                    <a:lnTo>
                      <a:pt x="77" y="222"/>
                    </a:lnTo>
                    <a:lnTo>
                      <a:pt x="75" y="192"/>
                    </a:lnTo>
                    <a:lnTo>
                      <a:pt x="73" y="170"/>
                    </a:lnTo>
                    <a:lnTo>
                      <a:pt x="77" y="144"/>
                    </a:lnTo>
                    <a:lnTo>
                      <a:pt x="80" y="122"/>
                    </a:lnTo>
                    <a:lnTo>
                      <a:pt x="69" y="79"/>
                    </a:lnTo>
                    <a:lnTo>
                      <a:pt x="67" y="56"/>
                    </a:lnTo>
                    <a:lnTo>
                      <a:pt x="58" y="37"/>
                    </a:lnTo>
                    <a:lnTo>
                      <a:pt x="40" y="14"/>
                    </a:lnTo>
                    <a:lnTo>
                      <a:pt x="31" y="32"/>
                    </a:lnTo>
                    <a:lnTo>
                      <a:pt x="0" y="62"/>
                    </a:lnTo>
                    <a:lnTo>
                      <a:pt x="2" y="52"/>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0" name="Freeform 91"/>
              <p:cNvSpPr>
                <a:spLocks/>
              </p:cNvSpPr>
              <p:nvPr/>
            </p:nvSpPr>
            <p:spPr bwMode="ltGray">
              <a:xfrm>
                <a:off x="5316" y="3988"/>
                <a:ext cx="46" cy="336"/>
              </a:xfrm>
              <a:custGeom>
                <a:avLst/>
                <a:gdLst>
                  <a:gd name="T0" fmla="*/ 35 w 46"/>
                  <a:gd name="T1" fmla="*/ 0 h 336"/>
                  <a:gd name="T2" fmla="*/ 32 w 46"/>
                  <a:gd name="T3" fmla="*/ 6 h 336"/>
                  <a:gd name="T4" fmla="*/ 18 w 46"/>
                  <a:gd name="T5" fmla="*/ 66 h 336"/>
                  <a:gd name="T6" fmla="*/ 9 w 46"/>
                  <a:gd name="T7" fmla="*/ 122 h 336"/>
                  <a:gd name="T8" fmla="*/ 0 w 46"/>
                  <a:gd name="T9" fmla="*/ 192 h 336"/>
                  <a:gd name="T10" fmla="*/ 0 w 46"/>
                  <a:gd name="T11" fmla="*/ 268 h 336"/>
                  <a:gd name="T12" fmla="*/ 4 w 46"/>
                  <a:gd name="T13" fmla="*/ 335 h 336"/>
                  <a:gd name="T14" fmla="*/ 9 w 46"/>
                  <a:gd name="T15" fmla="*/ 335 h 336"/>
                  <a:gd name="T16" fmla="*/ 4 w 46"/>
                  <a:gd name="T17" fmla="*/ 268 h 336"/>
                  <a:gd name="T18" fmla="*/ 4 w 46"/>
                  <a:gd name="T19" fmla="*/ 212 h 336"/>
                  <a:gd name="T20" fmla="*/ 13 w 46"/>
                  <a:gd name="T21" fmla="*/ 151 h 336"/>
                  <a:gd name="T22" fmla="*/ 26 w 46"/>
                  <a:gd name="T23" fmla="*/ 91 h 336"/>
                  <a:gd name="T24" fmla="*/ 45 w 46"/>
                  <a:gd name="T25" fmla="*/ 14 h 336"/>
                  <a:gd name="T26" fmla="*/ 35 w 46"/>
                  <a:gd name="T27" fmla="*/ 0 h 3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6" h="336">
                    <a:moveTo>
                      <a:pt x="35" y="0"/>
                    </a:moveTo>
                    <a:lnTo>
                      <a:pt x="32" y="6"/>
                    </a:lnTo>
                    <a:lnTo>
                      <a:pt x="18" y="66"/>
                    </a:lnTo>
                    <a:lnTo>
                      <a:pt x="9" y="122"/>
                    </a:lnTo>
                    <a:lnTo>
                      <a:pt x="0" y="192"/>
                    </a:lnTo>
                    <a:lnTo>
                      <a:pt x="0" y="268"/>
                    </a:lnTo>
                    <a:lnTo>
                      <a:pt x="4" y="335"/>
                    </a:lnTo>
                    <a:lnTo>
                      <a:pt x="9" y="335"/>
                    </a:lnTo>
                    <a:lnTo>
                      <a:pt x="4" y="268"/>
                    </a:lnTo>
                    <a:lnTo>
                      <a:pt x="4" y="212"/>
                    </a:lnTo>
                    <a:lnTo>
                      <a:pt x="13" y="151"/>
                    </a:lnTo>
                    <a:lnTo>
                      <a:pt x="26" y="91"/>
                    </a:lnTo>
                    <a:lnTo>
                      <a:pt x="45" y="14"/>
                    </a:lnTo>
                    <a:lnTo>
                      <a:pt x="35"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1" name="Freeform 92"/>
              <p:cNvSpPr>
                <a:spLocks/>
              </p:cNvSpPr>
              <p:nvPr/>
            </p:nvSpPr>
            <p:spPr bwMode="ltGray">
              <a:xfrm>
                <a:off x="5690" y="3903"/>
                <a:ext cx="41" cy="203"/>
              </a:xfrm>
              <a:custGeom>
                <a:avLst/>
                <a:gdLst>
                  <a:gd name="T0" fmla="*/ 8 w 41"/>
                  <a:gd name="T1" fmla="*/ 0 h 203"/>
                  <a:gd name="T2" fmla="*/ 16 w 41"/>
                  <a:gd name="T3" fmla="*/ 14 h 203"/>
                  <a:gd name="T4" fmla="*/ 23 w 41"/>
                  <a:gd name="T5" fmla="*/ 39 h 203"/>
                  <a:gd name="T6" fmla="*/ 31 w 41"/>
                  <a:gd name="T7" fmla="*/ 73 h 203"/>
                  <a:gd name="T8" fmla="*/ 40 w 41"/>
                  <a:gd name="T9" fmla="*/ 116 h 203"/>
                  <a:gd name="T10" fmla="*/ 40 w 41"/>
                  <a:gd name="T11" fmla="*/ 161 h 203"/>
                  <a:gd name="T12" fmla="*/ 35 w 41"/>
                  <a:gd name="T13" fmla="*/ 202 h 203"/>
                  <a:gd name="T14" fmla="*/ 31 w 41"/>
                  <a:gd name="T15" fmla="*/ 202 h 203"/>
                  <a:gd name="T16" fmla="*/ 35 w 41"/>
                  <a:gd name="T17" fmla="*/ 161 h 203"/>
                  <a:gd name="T18" fmla="*/ 35 w 41"/>
                  <a:gd name="T19" fmla="*/ 128 h 203"/>
                  <a:gd name="T20" fmla="*/ 27 w 41"/>
                  <a:gd name="T21" fmla="*/ 91 h 203"/>
                  <a:gd name="T22" fmla="*/ 16 w 41"/>
                  <a:gd name="T23" fmla="*/ 55 h 203"/>
                  <a:gd name="T24" fmla="*/ 0 w 41"/>
                  <a:gd name="T25" fmla="*/ 9 h 203"/>
                  <a:gd name="T26" fmla="*/ 8 w 41"/>
                  <a:gd name="T27" fmla="*/ 0 h 20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1" h="203">
                    <a:moveTo>
                      <a:pt x="8" y="0"/>
                    </a:moveTo>
                    <a:lnTo>
                      <a:pt x="16" y="14"/>
                    </a:lnTo>
                    <a:lnTo>
                      <a:pt x="23" y="39"/>
                    </a:lnTo>
                    <a:lnTo>
                      <a:pt x="31" y="73"/>
                    </a:lnTo>
                    <a:lnTo>
                      <a:pt x="40" y="116"/>
                    </a:lnTo>
                    <a:lnTo>
                      <a:pt x="40" y="161"/>
                    </a:lnTo>
                    <a:lnTo>
                      <a:pt x="35" y="202"/>
                    </a:lnTo>
                    <a:lnTo>
                      <a:pt x="31" y="202"/>
                    </a:lnTo>
                    <a:lnTo>
                      <a:pt x="35" y="161"/>
                    </a:lnTo>
                    <a:lnTo>
                      <a:pt x="35" y="128"/>
                    </a:lnTo>
                    <a:lnTo>
                      <a:pt x="27" y="91"/>
                    </a:lnTo>
                    <a:lnTo>
                      <a:pt x="16" y="55"/>
                    </a:lnTo>
                    <a:lnTo>
                      <a:pt x="0" y="9"/>
                    </a:lnTo>
                    <a:lnTo>
                      <a:pt x="8"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2" name="Freeform 93"/>
              <p:cNvSpPr>
                <a:spLocks/>
              </p:cNvSpPr>
              <p:nvPr/>
            </p:nvSpPr>
            <p:spPr bwMode="ltGray">
              <a:xfrm>
                <a:off x="5485" y="3795"/>
                <a:ext cx="71" cy="202"/>
              </a:xfrm>
              <a:custGeom>
                <a:avLst/>
                <a:gdLst>
                  <a:gd name="T0" fmla="*/ 68 w 71"/>
                  <a:gd name="T1" fmla="*/ 31 h 202"/>
                  <a:gd name="T2" fmla="*/ 53 w 71"/>
                  <a:gd name="T3" fmla="*/ 0 h 202"/>
                  <a:gd name="T4" fmla="*/ 44 w 71"/>
                  <a:gd name="T5" fmla="*/ 0 h 202"/>
                  <a:gd name="T6" fmla="*/ 36 w 71"/>
                  <a:gd name="T7" fmla="*/ 2 h 202"/>
                  <a:gd name="T8" fmla="*/ 30 w 71"/>
                  <a:gd name="T9" fmla="*/ 10 h 202"/>
                  <a:gd name="T10" fmla="*/ 14 w 71"/>
                  <a:gd name="T11" fmla="*/ 37 h 202"/>
                  <a:gd name="T12" fmla="*/ 8 w 71"/>
                  <a:gd name="T13" fmla="*/ 48 h 202"/>
                  <a:gd name="T14" fmla="*/ 5 w 71"/>
                  <a:gd name="T15" fmla="*/ 60 h 202"/>
                  <a:gd name="T16" fmla="*/ 0 w 71"/>
                  <a:gd name="T17" fmla="*/ 94 h 202"/>
                  <a:gd name="T18" fmla="*/ 0 w 71"/>
                  <a:gd name="T19" fmla="*/ 104 h 202"/>
                  <a:gd name="T20" fmla="*/ 0 w 71"/>
                  <a:gd name="T21" fmla="*/ 117 h 202"/>
                  <a:gd name="T22" fmla="*/ 4 w 71"/>
                  <a:gd name="T23" fmla="*/ 131 h 202"/>
                  <a:gd name="T24" fmla="*/ 9 w 71"/>
                  <a:gd name="T25" fmla="*/ 153 h 202"/>
                  <a:gd name="T26" fmla="*/ 15 w 71"/>
                  <a:gd name="T27" fmla="*/ 167 h 202"/>
                  <a:gd name="T28" fmla="*/ 23 w 71"/>
                  <a:gd name="T29" fmla="*/ 182 h 202"/>
                  <a:gd name="T30" fmla="*/ 39 w 71"/>
                  <a:gd name="T31" fmla="*/ 201 h 202"/>
                  <a:gd name="T32" fmla="*/ 31 w 71"/>
                  <a:gd name="T33" fmla="*/ 177 h 202"/>
                  <a:gd name="T34" fmla="*/ 24 w 71"/>
                  <a:gd name="T35" fmla="*/ 156 h 202"/>
                  <a:gd name="T36" fmla="*/ 21 w 71"/>
                  <a:gd name="T37" fmla="*/ 136 h 202"/>
                  <a:gd name="T38" fmla="*/ 22 w 71"/>
                  <a:gd name="T39" fmla="*/ 117 h 202"/>
                  <a:gd name="T40" fmla="*/ 23 w 71"/>
                  <a:gd name="T41" fmla="*/ 104 h 202"/>
                  <a:gd name="T42" fmla="*/ 21 w 71"/>
                  <a:gd name="T43" fmla="*/ 88 h 202"/>
                  <a:gd name="T44" fmla="*/ 19 w 71"/>
                  <a:gd name="T45" fmla="*/ 74 h 202"/>
                  <a:gd name="T46" fmla="*/ 25 w 71"/>
                  <a:gd name="T47" fmla="*/ 48 h 202"/>
                  <a:gd name="T48" fmla="*/ 27 w 71"/>
                  <a:gd name="T49" fmla="*/ 34 h 202"/>
                  <a:gd name="T50" fmla="*/ 32 w 71"/>
                  <a:gd name="T51" fmla="*/ 23 h 202"/>
                  <a:gd name="T52" fmla="*/ 44 w 71"/>
                  <a:gd name="T53" fmla="*/ 8 h 202"/>
                  <a:gd name="T54" fmla="*/ 50 w 71"/>
                  <a:gd name="T55" fmla="*/ 19 h 202"/>
                  <a:gd name="T56" fmla="*/ 70 w 71"/>
                  <a:gd name="T57" fmla="*/ 37 h 202"/>
                  <a:gd name="T58" fmla="*/ 68 w 71"/>
                  <a:gd name="T59" fmla="*/ 31 h 20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71" h="202">
                    <a:moveTo>
                      <a:pt x="68" y="31"/>
                    </a:moveTo>
                    <a:lnTo>
                      <a:pt x="53" y="0"/>
                    </a:lnTo>
                    <a:lnTo>
                      <a:pt x="44" y="0"/>
                    </a:lnTo>
                    <a:lnTo>
                      <a:pt x="36" y="2"/>
                    </a:lnTo>
                    <a:lnTo>
                      <a:pt x="30" y="10"/>
                    </a:lnTo>
                    <a:lnTo>
                      <a:pt x="14" y="37"/>
                    </a:lnTo>
                    <a:lnTo>
                      <a:pt x="8" y="48"/>
                    </a:lnTo>
                    <a:lnTo>
                      <a:pt x="5" y="60"/>
                    </a:lnTo>
                    <a:lnTo>
                      <a:pt x="0" y="94"/>
                    </a:lnTo>
                    <a:lnTo>
                      <a:pt x="0" y="104"/>
                    </a:lnTo>
                    <a:lnTo>
                      <a:pt x="0" y="117"/>
                    </a:lnTo>
                    <a:lnTo>
                      <a:pt x="4" y="131"/>
                    </a:lnTo>
                    <a:lnTo>
                      <a:pt x="9" y="153"/>
                    </a:lnTo>
                    <a:lnTo>
                      <a:pt x="15" y="167"/>
                    </a:lnTo>
                    <a:lnTo>
                      <a:pt x="23" y="182"/>
                    </a:lnTo>
                    <a:lnTo>
                      <a:pt x="39" y="201"/>
                    </a:lnTo>
                    <a:lnTo>
                      <a:pt x="31" y="177"/>
                    </a:lnTo>
                    <a:lnTo>
                      <a:pt x="24" y="156"/>
                    </a:lnTo>
                    <a:lnTo>
                      <a:pt x="21" y="136"/>
                    </a:lnTo>
                    <a:lnTo>
                      <a:pt x="22" y="117"/>
                    </a:lnTo>
                    <a:lnTo>
                      <a:pt x="23" y="104"/>
                    </a:lnTo>
                    <a:lnTo>
                      <a:pt x="21" y="88"/>
                    </a:lnTo>
                    <a:lnTo>
                      <a:pt x="19" y="74"/>
                    </a:lnTo>
                    <a:lnTo>
                      <a:pt x="25" y="48"/>
                    </a:lnTo>
                    <a:lnTo>
                      <a:pt x="27" y="34"/>
                    </a:lnTo>
                    <a:lnTo>
                      <a:pt x="32" y="23"/>
                    </a:lnTo>
                    <a:lnTo>
                      <a:pt x="44" y="8"/>
                    </a:lnTo>
                    <a:lnTo>
                      <a:pt x="50" y="19"/>
                    </a:lnTo>
                    <a:lnTo>
                      <a:pt x="70" y="37"/>
                    </a:lnTo>
                    <a:lnTo>
                      <a:pt x="68" y="3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3" name="Freeform 94"/>
              <p:cNvSpPr>
                <a:spLocks/>
              </p:cNvSpPr>
              <p:nvPr/>
            </p:nvSpPr>
            <p:spPr bwMode="ltGray">
              <a:xfrm>
                <a:off x="5603" y="3616"/>
                <a:ext cx="172" cy="364"/>
              </a:xfrm>
              <a:custGeom>
                <a:avLst/>
                <a:gdLst>
                  <a:gd name="T0" fmla="*/ 56 w 172"/>
                  <a:gd name="T1" fmla="*/ 4 h 364"/>
                  <a:gd name="T2" fmla="*/ 60 w 172"/>
                  <a:gd name="T3" fmla="*/ 15 h 364"/>
                  <a:gd name="T4" fmla="*/ 98 w 172"/>
                  <a:gd name="T5" fmla="*/ 13 h 364"/>
                  <a:gd name="T6" fmla="*/ 83 w 172"/>
                  <a:gd name="T7" fmla="*/ 18 h 364"/>
                  <a:gd name="T8" fmla="*/ 67 w 172"/>
                  <a:gd name="T9" fmla="*/ 24 h 364"/>
                  <a:gd name="T10" fmla="*/ 103 w 172"/>
                  <a:gd name="T11" fmla="*/ 33 h 364"/>
                  <a:gd name="T12" fmla="*/ 75 w 172"/>
                  <a:gd name="T13" fmla="*/ 37 h 364"/>
                  <a:gd name="T14" fmla="*/ 72 w 172"/>
                  <a:gd name="T15" fmla="*/ 47 h 364"/>
                  <a:gd name="T16" fmla="*/ 153 w 172"/>
                  <a:gd name="T17" fmla="*/ 98 h 364"/>
                  <a:gd name="T18" fmla="*/ 79 w 172"/>
                  <a:gd name="T19" fmla="*/ 61 h 364"/>
                  <a:gd name="T20" fmla="*/ 95 w 172"/>
                  <a:gd name="T21" fmla="*/ 83 h 364"/>
                  <a:gd name="T22" fmla="*/ 84 w 172"/>
                  <a:gd name="T23" fmla="*/ 84 h 364"/>
                  <a:gd name="T24" fmla="*/ 98 w 172"/>
                  <a:gd name="T25" fmla="*/ 113 h 364"/>
                  <a:gd name="T26" fmla="*/ 128 w 172"/>
                  <a:gd name="T27" fmla="*/ 144 h 364"/>
                  <a:gd name="T28" fmla="*/ 95 w 172"/>
                  <a:gd name="T29" fmla="*/ 121 h 364"/>
                  <a:gd name="T30" fmla="*/ 123 w 172"/>
                  <a:gd name="T31" fmla="*/ 167 h 364"/>
                  <a:gd name="T32" fmla="*/ 97 w 172"/>
                  <a:gd name="T33" fmla="*/ 137 h 364"/>
                  <a:gd name="T34" fmla="*/ 91 w 172"/>
                  <a:gd name="T35" fmla="*/ 137 h 364"/>
                  <a:gd name="T36" fmla="*/ 100 w 172"/>
                  <a:gd name="T37" fmla="*/ 164 h 364"/>
                  <a:gd name="T38" fmla="*/ 92 w 172"/>
                  <a:gd name="T39" fmla="*/ 164 h 364"/>
                  <a:gd name="T40" fmla="*/ 109 w 172"/>
                  <a:gd name="T41" fmla="*/ 195 h 364"/>
                  <a:gd name="T42" fmla="*/ 99 w 172"/>
                  <a:gd name="T43" fmla="*/ 187 h 364"/>
                  <a:gd name="T44" fmla="*/ 107 w 172"/>
                  <a:gd name="T45" fmla="*/ 217 h 364"/>
                  <a:gd name="T46" fmla="*/ 100 w 172"/>
                  <a:gd name="T47" fmla="*/ 207 h 364"/>
                  <a:gd name="T48" fmla="*/ 93 w 172"/>
                  <a:gd name="T49" fmla="*/ 204 h 364"/>
                  <a:gd name="T50" fmla="*/ 98 w 172"/>
                  <a:gd name="T51" fmla="*/ 226 h 364"/>
                  <a:gd name="T52" fmla="*/ 114 w 172"/>
                  <a:gd name="T53" fmla="*/ 265 h 364"/>
                  <a:gd name="T54" fmla="*/ 93 w 172"/>
                  <a:gd name="T55" fmla="*/ 235 h 364"/>
                  <a:gd name="T56" fmla="*/ 88 w 172"/>
                  <a:gd name="T57" fmla="*/ 230 h 364"/>
                  <a:gd name="T58" fmla="*/ 90 w 172"/>
                  <a:gd name="T59" fmla="*/ 263 h 364"/>
                  <a:gd name="T60" fmla="*/ 83 w 172"/>
                  <a:gd name="T61" fmla="*/ 279 h 364"/>
                  <a:gd name="T62" fmla="*/ 80 w 172"/>
                  <a:gd name="T63" fmla="*/ 260 h 364"/>
                  <a:gd name="T64" fmla="*/ 19 w 172"/>
                  <a:gd name="T65" fmla="*/ 311 h 364"/>
                  <a:gd name="T66" fmla="*/ 75 w 172"/>
                  <a:gd name="T67" fmla="*/ 238 h 364"/>
                  <a:gd name="T68" fmla="*/ 64 w 172"/>
                  <a:gd name="T69" fmla="*/ 254 h 364"/>
                  <a:gd name="T70" fmla="*/ 80 w 172"/>
                  <a:gd name="T71" fmla="*/ 214 h 364"/>
                  <a:gd name="T72" fmla="*/ 12 w 172"/>
                  <a:gd name="T73" fmla="*/ 245 h 364"/>
                  <a:gd name="T74" fmla="*/ 80 w 172"/>
                  <a:gd name="T75" fmla="*/ 200 h 364"/>
                  <a:gd name="T76" fmla="*/ 71 w 172"/>
                  <a:gd name="T77" fmla="*/ 190 h 364"/>
                  <a:gd name="T78" fmla="*/ 77 w 172"/>
                  <a:gd name="T79" fmla="*/ 174 h 364"/>
                  <a:gd name="T80" fmla="*/ 67 w 172"/>
                  <a:gd name="T81" fmla="*/ 174 h 364"/>
                  <a:gd name="T82" fmla="*/ 37 w 172"/>
                  <a:gd name="T83" fmla="*/ 205 h 364"/>
                  <a:gd name="T84" fmla="*/ 66 w 172"/>
                  <a:gd name="T85" fmla="*/ 146 h 364"/>
                  <a:gd name="T86" fmla="*/ 71 w 172"/>
                  <a:gd name="T87" fmla="*/ 125 h 364"/>
                  <a:gd name="T88" fmla="*/ 64 w 172"/>
                  <a:gd name="T89" fmla="*/ 121 h 364"/>
                  <a:gd name="T90" fmla="*/ 65 w 172"/>
                  <a:gd name="T91" fmla="*/ 100 h 364"/>
                  <a:gd name="T92" fmla="*/ 61 w 172"/>
                  <a:gd name="T93" fmla="*/ 97 h 364"/>
                  <a:gd name="T94" fmla="*/ 40 w 172"/>
                  <a:gd name="T95" fmla="*/ 116 h 364"/>
                  <a:gd name="T96" fmla="*/ 57 w 172"/>
                  <a:gd name="T97" fmla="*/ 87 h 364"/>
                  <a:gd name="T98" fmla="*/ 56 w 172"/>
                  <a:gd name="T99" fmla="*/ 60 h 364"/>
                  <a:gd name="T100" fmla="*/ 57 w 172"/>
                  <a:gd name="T101" fmla="*/ 46 h 364"/>
                  <a:gd name="T102" fmla="*/ 39 w 172"/>
                  <a:gd name="T103" fmla="*/ 45 h 364"/>
                  <a:gd name="T104" fmla="*/ 44 w 172"/>
                  <a:gd name="T105" fmla="*/ 24 h 364"/>
                  <a:gd name="T106" fmla="*/ 36 w 172"/>
                  <a:gd name="T107" fmla="*/ 19 h 364"/>
                  <a:gd name="T108" fmla="*/ 38 w 172"/>
                  <a:gd name="T109" fmla="*/ 0 h 36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72" h="364">
                    <a:moveTo>
                      <a:pt x="38" y="0"/>
                    </a:moveTo>
                    <a:lnTo>
                      <a:pt x="45" y="0"/>
                    </a:lnTo>
                    <a:lnTo>
                      <a:pt x="56" y="4"/>
                    </a:lnTo>
                    <a:lnTo>
                      <a:pt x="48" y="5"/>
                    </a:lnTo>
                    <a:lnTo>
                      <a:pt x="54" y="10"/>
                    </a:lnTo>
                    <a:lnTo>
                      <a:pt x="60" y="15"/>
                    </a:lnTo>
                    <a:lnTo>
                      <a:pt x="69" y="17"/>
                    </a:lnTo>
                    <a:lnTo>
                      <a:pt x="83" y="16"/>
                    </a:lnTo>
                    <a:lnTo>
                      <a:pt x="98" y="13"/>
                    </a:lnTo>
                    <a:lnTo>
                      <a:pt x="137" y="16"/>
                    </a:lnTo>
                    <a:lnTo>
                      <a:pt x="99" y="13"/>
                    </a:lnTo>
                    <a:lnTo>
                      <a:pt x="83" y="18"/>
                    </a:lnTo>
                    <a:lnTo>
                      <a:pt x="69" y="17"/>
                    </a:lnTo>
                    <a:lnTo>
                      <a:pt x="60" y="20"/>
                    </a:lnTo>
                    <a:lnTo>
                      <a:pt x="67" y="24"/>
                    </a:lnTo>
                    <a:lnTo>
                      <a:pt x="62" y="27"/>
                    </a:lnTo>
                    <a:lnTo>
                      <a:pt x="75" y="35"/>
                    </a:lnTo>
                    <a:lnTo>
                      <a:pt x="103" y="33"/>
                    </a:lnTo>
                    <a:lnTo>
                      <a:pt x="139" y="62"/>
                    </a:lnTo>
                    <a:lnTo>
                      <a:pt x="103" y="35"/>
                    </a:lnTo>
                    <a:lnTo>
                      <a:pt x="75" y="37"/>
                    </a:lnTo>
                    <a:lnTo>
                      <a:pt x="67" y="37"/>
                    </a:lnTo>
                    <a:lnTo>
                      <a:pt x="82" y="47"/>
                    </a:lnTo>
                    <a:lnTo>
                      <a:pt x="72" y="47"/>
                    </a:lnTo>
                    <a:lnTo>
                      <a:pt x="88" y="59"/>
                    </a:lnTo>
                    <a:lnTo>
                      <a:pt x="118" y="73"/>
                    </a:lnTo>
                    <a:lnTo>
                      <a:pt x="153" y="98"/>
                    </a:lnTo>
                    <a:lnTo>
                      <a:pt x="118" y="75"/>
                    </a:lnTo>
                    <a:lnTo>
                      <a:pt x="87" y="60"/>
                    </a:lnTo>
                    <a:lnTo>
                      <a:pt x="79" y="61"/>
                    </a:lnTo>
                    <a:lnTo>
                      <a:pt x="92" y="69"/>
                    </a:lnTo>
                    <a:lnTo>
                      <a:pt x="83" y="72"/>
                    </a:lnTo>
                    <a:lnTo>
                      <a:pt x="95" y="83"/>
                    </a:lnTo>
                    <a:lnTo>
                      <a:pt x="167" y="170"/>
                    </a:lnTo>
                    <a:lnTo>
                      <a:pt x="95" y="84"/>
                    </a:lnTo>
                    <a:lnTo>
                      <a:pt x="84" y="84"/>
                    </a:lnTo>
                    <a:lnTo>
                      <a:pt x="95" y="97"/>
                    </a:lnTo>
                    <a:lnTo>
                      <a:pt x="87" y="97"/>
                    </a:lnTo>
                    <a:lnTo>
                      <a:pt x="98" y="113"/>
                    </a:lnTo>
                    <a:lnTo>
                      <a:pt x="128" y="144"/>
                    </a:lnTo>
                    <a:lnTo>
                      <a:pt x="159" y="186"/>
                    </a:lnTo>
                    <a:lnTo>
                      <a:pt x="128" y="144"/>
                    </a:lnTo>
                    <a:lnTo>
                      <a:pt x="97" y="114"/>
                    </a:lnTo>
                    <a:lnTo>
                      <a:pt x="87" y="111"/>
                    </a:lnTo>
                    <a:lnTo>
                      <a:pt x="95" y="121"/>
                    </a:lnTo>
                    <a:lnTo>
                      <a:pt x="88" y="119"/>
                    </a:lnTo>
                    <a:lnTo>
                      <a:pt x="98" y="136"/>
                    </a:lnTo>
                    <a:lnTo>
                      <a:pt x="123" y="167"/>
                    </a:lnTo>
                    <a:lnTo>
                      <a:pt x="171" y="209"/>
                    </a:lnTo>
                    <a:lnTo>
                      <a:pt x="123" y="168"/>
                    </a:lnTo>
                    <a:lnTo>
                      <a:pt x="97" y="137"/>
                    </a:lnTo>
                    <a:lnTo>
                      <a:pt x="93" y="137"/>
                    </a:lnTo>
                    <a:lnTo>
                      <a:pt x="138" y="230"/>
                    </a:lnTo>
                    <a:lnTo>
                      <a:pt x="91" y="137"/>
                    </a:lnTo>
                    <a:lnTo>
                      <a:pt x="97" y="149"/>
                    </a:lnTo>
                    <a:lnTo>
                      <a:pt x="91" y="145"/>
                    </a:lnTo>
                    <a:lnTo>
                      <a:pt x="100" y="164"/>
                    </a:lnTo>
                    <a:lnTo>
                      <a:pt x="132" y="207"/>
                    </a:lnTo>
                    <a:lnTo>
                      <a:pt x="100" y="167"/>
                    </a:lnTo>
                    <a:lnTo>
                      <a:pt x="92" y="164"/>
                    </a:lnTo>
                    <a:lnTo>
                      <a:pt x="100" y="176"/>
                    </a:lnTo>
                    <a:lnTo>
                      <a:pt x="137" y="260"/>
                    </a:lnTo>
                    <a:lnTo>
                      <a:pt x="109" y="195"/>
                    </a:lnTo>
                    <a:lnTo>
                      <a:pt x="98" y="176"/>
                    </a:lnTo>
                    <a:lnTo>
                      <a:pt x="92" y="174"/>
                    </a:lnTo>
                    <a:lnTo>
                      <a:pt x="99" y="187"/>
                    </a:lnTo>
                    <a:lnTo>
                      <a:pt x="93" y="186"/>
                    </a:lnTo>
                    <a:lnTo>
                      <a:pt x="103" y="202"/>
                    </a:lnTo>
                    <a:lnTo>
                      <a:pt x="107" y="217"/>
                    </a:lnTo>
                    <a:lnTo>
                      <a:pt x="155" y="265"/>
                    </a:lnTo>
                    <a:lnTo>
                      <a:pt x="106" y="218"/>
                    </a:lnTo>
                    <a:lnTo>
                      <a:pt x="100" y="207"/>
                    </a:lnTo>
                    <a:lnTo>
                      <a:pt x="95" y="204"/>
                    </a:lnTo>
                    <a:lnTo>
                      <a:pt x="106" y="232"/>
                    </a:lnTo>
                    <a:lnTo>
                      <a:pt x="93" y="204"/>
                    </a:lnTo>
                    <a:lnTo>
                      <a:pt x="100" y="218"/>
                    </a:lnTo>
                    <a:lnTo>
                      <a:pt x="92" y="214"/>
                    </a:lnTo>
                    <a:lnTo>
                      <a:pt x="98" y="226"/>
                    </a:lnTo>
                    <a:lnTo>
                      <a:pt x="114" y="265"/>
                    </a:lnTo>
                    <a:lnTo>
                      <a:pt x="130" y="290"/>
                    </a:lnTo>
                    <a:lnTo>
                      <a:pt x="114" y="265"/>
                    </a:lnTo>
                    <a:lnTo>
                      <a:pt x="97" y="228"/>
                    </a:lnTo>
                    <a:lnTo>
                      <a:pt x="91" y="226"/>
                    </a:lnTo>
                    <a:lnTo>
                      <a:pt x="93" y="235"/>
                    </a:lnTo>
                    <a:lnTo>
                      <a:pt x="106" y="260"/>
                    </a:lnTo>
                    <a:lnTo>
                      <a:pt x="92" y="238"/>
                    </a:lnTo>
                    <a:lnTo>
                      <a:pt x="88" y="230"/>
                    </a:lnTo>
                    <a:lnTo>
                      <a:pt x="95" y="251"/>
                    </a:lnTo>
                    <a:lnTo>
                      <a:pt x="87" y="246"/>
                    </a:lnTo>
                    <a:lnTo>
                      <a:pt x="90" y="263"/>
                    </a:lnTo>
                    <a:lnTo>
                      <a:pt x="85" y="255"/>
                    </a:lnTo>
                    <a:lnTo>
                      <a:pt x="82" y="262"/>
                    </a:lnTo>
                    <a:lnTo>
                      <a:pt x="83" y="279"/>
                    </a:lnTo>
                    <a:lnTo>
                      <a:pt x="113" y="363"/>
                    </a:lnTo>
                    <a:lnTo>
                      <a:pt x="80" y="279"/>
                    </a:lnTo>
                    <a:lnTo>
                      <a:pt x="80" y="260"/>
                    </a:lnTo>
                    <a:lnTo>
                      <a:pt x="80" y="250"/>
                    </a:lnTo>
                    <a:lnTo>
                      <a:pt x="74" y="255"/>
                    </a:lnTo>
                    <a:lnTo>
                      <a:pt x="19" y="311"/>
                    </a:lnTo>
                    <a:lnTo>
                      <a:pt x="76" y="251"/>
                    </a:lnTo>
                    <a:lnTo>
                      <a:pt x="80" y="235"/>
                    </a:lnTo>
                    <a:lnTo>
                      <a:pt x="75" y="238"/>
                    </a:lnTo>
                    <a:lnTo>
                      <a:pt x="83" y="219"/>
                    </a:lnTo>
                    <a:lnTo>
                      <a:pt x="76" y="227"/>
                    </a:lnTo>
                    <a:lnTo>
                      <a:pt x="64" y="254"/>
                    </a:lnTo>
                    <a:lnTo>
                      <a:pt x="75" y="225"/>
                    </a:lnTo>
                    <a:lnTo>
                      <a:pt x="80" y="214"/>
                    </a:lnTo>
                    <a:lnTo>
                      <a:pt x="80" y="214"/>
                    </a:lnTo>
                    <a:lnTo>
                      <a:pt x="72" y="219"/>
                    </a:lnTo>
                    <a:lnTo>
                      <a:pt x="59" y="234"/>
                    </a:lnTo>
                    <a:lnTo>
                      <a:pt x="12" y="245"/>
                    </a:lnTo>
                    <a:lnTo>
                      <a:pt x="60" y="232"/>
                    </a:lnTo>
                    <a:lnTo>
                      <a:pt x="75" y="214"/>
                    </a:lnTo>
                    <a:lnTo>
                      <a:pt x="80" y="200"/>
                    </a:lnTo>
                    <a:lnTo>
                      <a:pt x="72" y="200"/>
                    </a:lnTo>
                    <a:lnTo>
                      <a:pt x="80" y="187"/>
                    </a:lnTo>
                    <a:lnTo>
                      <a:pt x="71" y="190"/>
                    </a:lnTo>
                    <a:lnTo>
                      <a:pt x="38" y="217"/>
                    </a:lnTo>
                    <a:lnTo>
                      <a:pt x="71" y="190"/>
                    </a:lnTo>
                    <a:lnTo>
                      <a:pt x="77" y="174"/>
                    </a:lnTo>
                    <a:lnTo>
                      <a:pt x="69" y="178"/>
                    </a:lnTo>
                    <a:lnTo>
                      <a:pt x="75" y="166"/>
                    </a:lnTo>
                    <a:lnTo>
                      <a:pt x="67" y="174"/>
                    </a:lnTo>
                    <a:lnTo>
                      <a:pt x="72" y="155"/>
                    </a:lnTo>
                    <a:lnTo>
                      <a:pt x="66" y="165"/>
                    </a:lnTo>
                    <a:lnTo>
                      <a:pt x="37" y="205"/>
                    </a:lnTo>
                    <a:lnTo>
                      <a:pt x="67" y="165"/>
                    </a:lnTo>
                    <a:lnTo>
                      <a:pt x="74" y="141"/>
                    </a:lnTo>
                    <a:lnTo>
                      <a:pt x="66" y="146"/>
                    </a:lnTo>
                    <a:lnTo>
                      <a:pt x="19" y="169"/>
                    </a:lnTo>
                    <a:lnTo>
                      <a:pt x="66" y="145"/>
                    </a:lnTo>
                    <a:lnTo>
                      <a:pt x="71" y="125"/>
                    </a:lnTo>
                    <a:lnTo>
                      <a:pt x="65" y="128"/>
                    </a:lnTo>
                    <a:lnTo>
                      <a:pt x="71" y="116"/>
                    </a:lnTo>
                    <a:lnTo>
                      <a:pt x="64" y="121"/>
                    </a:lnTo>
                    <a:lnTo>
                      <a:pt x="41" y="177"/>
                    </a:lnTo>
                    <a:lnTo>
                      <a:pt x="65" y="116"/>
                    </a:lnTo>
                    <a:lnTo>
                      <a:pt x="65" y="100"/>
                    </a:lnTo>
                    <a:lnTo>
                      <a:pt x="57" y="107"/>
                    </a:lnTo>
                    <a:lnTo>
                      <a:pt x="44" y="139"/>
                    </a:lnTo>
                    <a:lnTo>
                      <a:pt x="61" y="97"/>
                    </a:lnTo>
                    <a:lnTo>
                      <a:pt x="64" y="84"/>
                    </a:lnTo>
                    <a:lnTo>
                      <a:pt x="57" y="90"/>
                    </a:lnTo>
                    <a:lnTo>
                      <a:pt x="40" y="116"/>
                    </a:lnTo>
                    <a:lnTo>
                      <a:pt x="0" y="130"/>
                    </a:lnTo>
                    <a:lnTo>
                      <a:pt x="41" y="114"/>
                    </a:lnTo>
                    <a:lnTo>
                      <a:pt x="57" y="87"/>
                    </a:lnTo>
                    <a:lnTo>
                      <a:pt x="59" y="69"/>
                    </a:lnTo>
                    <a:lnTo>
                      <a:pt x="52" y="77"/>
                    </a:lnTo>
                    <a:lnTo>
                      <a:pt x="56" y="60"/>
                    </a:lnTo>
                    <a:lnTo>
                      <a:pt x="28" y="104"/>
                    </a:lnTo>
                    <a:lnTo>
                      <a:pt x="54" y="59"/>
                    </a:lnTo>
                    <a:lnTo>
                      <a:pt x="57" y="46"/>
                    </a:lnTo>
                    <a:lnTo>
                      <a:pt x="48" y="55"/>
                    </a:lnTo>
                    <a:lnTo>
                      <a:pt x="49" y="36"/>
                    </a:lnTo>
                    <a:lnTo>
                      <a:pt x="39" y="45"/>
                    </a:lnTo>
                    <a:lnTo>
                      <a:pt x="2" y="79"/>
                    </a:lnTo>
                    <a:lnTo>
                      <a:pt x="39" y="44"/>
                    </a:lnTo>
                    <a:lnTo>
                      <a:pt x="44" y="24"/>
                    </a:lnTo>
                    <a:lnTo>
                      <a:pt x="38" y="30"/>
                    </a:lnTo>
                    <a:lnTo>
                      <a:pt x="41" y="15"/>
                    </a:lnTo>
                    <a:lnTo>
                      <a:pt x="36" y="19"/>
                    </a:lnTo>
                    <a:lnTo>
                      <a:pt x="34" y="8"/>
                    </a:lnTo>
                    <a:lnTo>
                      <a:pt x="36" y="3"/>
                    </a:lnTo>
                    <a:lnTo>
                      <a:pt x="38"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4" name="Freeform 95"/>
              <p:cNvSpPr>
                <a:spLocks/>
              </p:cNvSpPr>
              <p:nvPr/>
            </p:nvSpPr>
            <p:spPr bwMode="ltGray">
              <a:xfrm>
                <a:off x="5400" y="3995"/>
                <a:ext cx="35" cy="142"/>
              </a:xfrm>
              <a:custGeom>
                <a:avLst/>
                <a:gdLst>
                  <a:gd name="T0" fmla="*/ 27 w 35"/>
                  <a:gd name="T1" fmla="*/ 0 h 142"/>
                  <a:gd name="T2" fmla="*/ 20 w 35"/>
                  <a:gd name="T3" fmla="*/ 10 h 142"/>
                  <a:gd name="T4" fmla="*/ 13 w 35"/>
                  <a:gd name="T5" fmla="*/ 28 h 142"/>
                  <a:gd name="T6" fmla="*/ 6 w 35"/>
                  <a:gd name="T7" fmla="*/ 51 h 142"/>
                  <a:gd name="T8" fmla="*/ 0 w 35"/>
                  <a:gd name="T9" fmla="*/ 80 h 142"/>
                  <a:gd name="T10" fmla="*/ 0 w 35"/>
                  <a:gd name="T11" fmla="*/ 112 h 142"/>
                  <a:gd name="T12" fmla="*/ 3 w 35"/>
                  <a:gd name="T13" fmla="*/ 141 h 142"/>
                  <a:gd name="T14" fmla="*/ 6 w 35"/>
                  <a:gd name="T15" fmla="*/ 141 h 142"/>
                  <a:gd name="T16" fmla="*/ 3 w 35"/>
                  <a:gd name="T17" fmla="*/ 112 h 142"/>
                  <a:gd name="T18" fmla="*/ 3 w 35"/>
                  <a:gd name="T19" fmla="*/ 89 h 142"/>
                  <a:gd name="T20" fmla="*/ 9 w 35"/>
                  <a:gd name="T21" fmla="*/ 64 h 142"/>
                  <a:gd name="T22" fmla="*/ 20 w 35"/>
                  <a:gd name="T23" fmla="*/ 38 h 142"/>
                  <a:gd name="T24" fmla="*/ 34 w 35"/>
                  <a:gd name="T25" fmla="*/ 6 h 142"/>
                  <a:gd name="T26" fmla="*/ 27 w 35"/>
                  <a:gd name="T27" fmla="*/ 0 h 14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5" h="142">
                    <a:moveTo>
                      <a:pt x="27" y="0"/>
                    </a:moveTo>
                    <a:lnTo>
                      <a:pt x="20" y="10"/>
                    </a:lnTo>
                    <a:lnTo>
                      <a:pt x="13" y="28"/>
                    </a:lnTo>
                    <a:lnTo>
                      <a:pt x="6" y="51"/>
                    </a:lnTo>
                    <a:lnTo>
                      <a:pt x="0" y="80"/>
                    </a:lnTo>
                    <a:lnTo>
                      <a:pt x="0" y="112"/>
                    </a:lnTo>
                    <a:lnTo>
                      <a:pt x="3" y="141"/>
                    </a:lnTo>
                    <a:lnTo>
                      <a:pt x="6" y="141"/>
                    </a:lnTo>
                    <a:lnTo>
                      <a:pt x="3" y="112"/>
                    </a:lnTo>
                    <a:lnTo>
                      <a:pt x="3" y="89"/>
                    </a:lnTo>
                    <a:lnTo>
                      <a:pt x="9" y="64"/>
                    </a:lnTo>
                    <a:lnTo>
                      <a:pt x="20" y="38"/>
                    </a:lnTo>
                    <a:lnTo>
                      <a:pt x="34" y="6"/>
                    </a:lnTo>
                    <a:lnTo>
                      <a:pt x="27"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5" name="Freeform 96"/>
              <p:cNvSpPr>
                <a:spLocks/>
              </p:cNvSpPr>
              <p:nvPr/>
            </p:nvSpPr>
            <p:spPr bwMode="ltGray">
              <a:xfrm>
                <a:off x="5547" y="3919"/>
                <a:ext cx="59" cy="141"/>
              </a:xfrm>
              <a:custGeom>
                <a:avLst/>
                <a:gdLst>
                  <a:gd name="T0" fmla="*/ 1 w 59"/>
                  <a:gd name="T1" fmla="*/ 22 h 141"/>
                  <a:gd name="T2" fmla="*/ 13 w 59"/>
                  <a:gd name="T3" fmla="*/ 0 h 141"/>
                  <a:gd name="T4" fmla="*/ 21 w 59"/>
                  <a:gd name="T5" fmla="*/ 0 h 141"/>
                  <a:gd name="T6" fmla="*/ 27 w 59"/>
                  <a:gd name="T7" fmla="*/ 1 h 141"/>
                  <a:gd name="T8" fmla="*/ 33 w 59"/>
                  <a:gd name="T9" fmla="*/ 7 h 141"/>
                  <a:gd name="T10" fmla="*/ 46 w 59"/>
                  <a:gd name="T11" fmla="*/ 25 h 141"/>
                  <a:gd name="T12" fmla="*/ 50 w 59"/>
                  <a:gd name="T13" fmla="*/ 33 h 141"/>
                  <a:gd name="T14" fmla="*/ 53 w 59"/>
                  <a:gd name="T15" fmla="*/ 42 h 141"/>
                  <a:gd name="T16" fmla="*/ 57 w 59"/>
                  <a:gd name="T17" fmla="*/ 65 h 141"/>
                  <a:gd name="T18" fmla="*/ 58 w 59"/>
                  <a:gd name="T19" fmla="*/ 73 h 141"/>
                  <a:gd name="T20" fmla="*/ 57 w 59"/>
                  <a:gd name="T21" fmla="*/ 82 h 141"/>
                  <a:gd name="T22" fmla="*/ 54 w 59"/>
                  <a:gd name="T23" fmla="*/ 92 h 141"/>
                  <a:gd name="T24" fmla="*/ 49 w 59"/>
                  <a:gd name="T25" fmla="*/ 107 h 141"/>
                  <a:gd name="T26" fmla="*/ 44 w 59"/>
                  <a:gd name="T27" fmla="*/ 116 h 141"/>
                  <a:gd name="T28" fmla="*/ 38 w 59"/>
                  <a:gd name="T29" fmla="*/ 126 h 141"/>
                  <a:gd name="T30" fmla="*/ 25 w 59"/>
                  <a:gd name="T31" fmla="*/ 140 h 141"/>
                  <a:gd name="T32" fmla="*/ 32 w 59"/>
                  <a:gd name="T33" fmla="*/ 123 h 141"/>
                  <a:gd name="T34" fmla="*/ 37 w 59"/>
                  <a:gd name="T35" fmla="*/ 108 h 141"/>
                  <a:gd name="T36" fmla="*/ 40 w 59"/>
                  <a:gd name="T37" fmla="*/ 95 h 141"/>
                  <a:gd name="T38" fmla="*/ 39 w 59"/>
                  <a:gd name="T39" fmla="*/ 82 h 141"/>
                  <a:gd name="T40" fmla="*/ 38 w 59"/>
                  <a:gd name="T41" fmla="*/ 73 h 141"/>
                  <a:gd name="T42" fmla="*/ 40 w 59"/>
                  <a:gd name="T43" fmla="*/ 61 h 141"/>
                  <a:gd name="T44" fmla="*/ 42 w 59"/>
                  <a:gd name="T45" fmla="*/ 51 h 141"/>
                  <a:gd name="T46" fmla="*/ 36 w 59"/>
                  <a:gd name="T47" fmla="*/ 33 h 141"/>
                  <a:gd name="T48" fmla="*/ 35 w 59"/>
                  <a:gd name="T49" fmla="*/ 23 h 141"/>
                  <a:gd name="T50" fmla="*/ 30 w 59"/>
                  <a:gd name="T51" fmla="*/ 15 h 141"/>
                  <a:gd name="T52" fmla="*/ 21 w 59"/>
                  <a:gd name="T53" fmla="*/ 5 h 141"/>
                  <a:gd name="T54" fmla="*/ 16 w 59"/>
                  <a:gd name="T55" fmla="*/ 14 h 141"/>
                  <a:gd name="T56" fmla="*/ 0 w 59"/>
                  <a:gd name="T57" fmla="*/ 26 h 141"/>
                  <a:gd name="T58" fmla="*/ 1 w 59"/>
                  <a:gd name="T59" fmla="*/ 22 h 14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59" h="141">
                    <a:moveTo>
                      <a:pt x="1" y="22"/>
                    </a:moveTo>
                    <a:lnTo>
                      <a:pt x="13" y="0"/>
                    </a:lnTo>
                    <a:lnTo>
                      <a:pt x="21" y="0"/>
                    </a:lnTo>
                    <a:lnTo>
                      <a:pt x="27" y="1"/>
                    </a:lnTo>
                    <a:lnTo>
                      <a:pt x="33" y="7"/>
                    </a:lnTo>
                    <a:lnTo>
                      <a:pt x="46" y="25"/>
                    </a:lnTo>
                    <a:lnTo>
                      <a:pt x="50" y="33"/>
                    </a:lnTo>
                    <a:lnTo>
                      <a:pt x="53" y="42"/>
                    </a:lnTo>
                    <a:lnTo>
                      <a:pt x="57" y="65"/>
                    </a:lnTo>
                    <a:lnTo>
                      <a:pt x="58" y="73"/>
                    </a:lnTo>
                    <a:lnTo>
                      <a:pt x="57" y="82"/>
                    </a:lnTo>
                    <a:lnTo>
                      <a:pt x="54" y="92"/>
                    </a:lnTo>
                    <a:lnTo>
                      <a:pt x="49" y="107"/>
                    </a:lnTo>
                    <a:lnTo>
                      <a:pt x="44" y="116"/>
                    </a:lnTo>
                    <a:lnTo>
                      <a:pt x="38" y="126"/>
                    </a:lnTo>
                    <a:lnTo>
                      <a:pt x="25" y="140"/>
                    </a:lnTo>
                    <a:lnTo>
                      <a:pt x="32" y="123"/>
                    </a:lnTo>
                    <a:lnTo>
                      <a:pt x="37" y="108"/>
                    </a:lnTo>
                    <a:lnTo>
                      <a:pt x="40" y="95"/>
                    </a:lnTo>
                    <a:lnTo>
                      <a:pt x="39" y="82"/>
                    </a:lnTo>
                    <a:lnTo>
                      <a:pt x="38" y="73"/>
                    </a:lnTo>
                    <a:lnTo>
                      <a:pt x="40" y="61"/>
                    </a:lnTo>
                    <a:lnTo>
                      <a:pt x="42" y="51"/>
                    </a:lnTo>
                    <a:lnTo>
                      <a:pt x="36" y="33"/>
                    </a:lnTo>
                    <a:lnTo>
                      <a:pt x="35" y="23"/>
                    </a:lnTo>
                    <a:lnTo>
                      <a:pt x="30" y="15"/>
                    </a:lnTo>
                    <a:lnTo>
                      <a:pt x="21" y="5"/>
                    </a:lnTo>
                    <a:lnTo>
                      <a:pt x="16" y="14"/>
                    </a:lnTo>
                    <a:lnTo>
                      <a:pt x="0" y="26"/>
                    </a:lnTo>
                    <a:lnTo>
                      <a:pt x="1" y="22"/>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6" name="Freeform 97"/>
              <p:cNvSpPr>
                <a:spLocks/>
              </p:cNvSpPr>
              <p:nvPr/>
            </p:nvSpPr>
            <p:spPr bwMode="ltGray">
              <a:xfrm>
                <a:off x="5364" y="3794"/>
                <a:ext cx="144" cy="255"/>
              </a:xfrm>
              <a:custGeom>
                <a:avLst/>
                <a:gdLst>
                  <a:gd name="T0" fmla="*/ 96 w 144"/>
                  <a:gd name="T1" fmla="*/ 3 h 255"/>
                  <a:gd name="T2" fmla="*/ 92 w 144"/>
                  <a:gd name="T3" fmla="*/ 10 h 255"/>
                  <a:gd name="T4" fmla="*/ 60 w 144"/>
                  <a:gd name="T5" fmla="*/ 9 h 255"/>
                  <a:gd name="T6" fmla="*/ 73 w 144"/>
                  <a:gd name="T7" fmla="*/ 13 h 255"/>
                  <a:gd name="T8" fmla="*/ 86 w 144"/>
                  <a:gd name="T9" fmla="*/ 17 h 255"/>
                  <a:gd name="T10" fmla="*/ 56 w 144"/>
                  <a:gd name="T11" fmla="*/ 23 h 255"/>
                  <a:gd name="T12" fmla="*/ 79 w 144"/>
                  <a:gd name="T13" fmla="*/ 26 h 255"/>
                  <a:gd name="T14" fmla="*/ 82 w 144"/>
                  <a:gd name="T15" fmla="*/ 32 h 255"/>
                  <a:gd name="T16" fmla="*/ 14 w 144"/>
                  <a:gd name="T17" fmla="*/ 69 h 255"/>
                  <a:gd name="T18" fmla="*/ 77 w 144"/>
                  <a:gd name="T19" fmla="*/ 42 h 255"/>
                  <a:gd name="T20" fmla="*/ 64 w 144"/>
                  <a:gd name="T21" fmla="*/ 58 h 255"/>
                  <a:gd name="T22" fmla="*/ 72 w 144"/>
                  <a:gd name="T23" fmla="*/ 59 h 255"/>
                  <a:gd name="T24" fmla="*/ 60 w 144"/>
                  <a:gd name="T25" fmla="*/ 79 h 255"/>
                  <a:gd name="T26" fmla="*/ 35 w 144"/>
                  <a:gd name="T27" fmla="*/ 100 h 255"/>
                  <a:gd name="T28" fmla="*/ 64 w 144"/>
                  <a:gd name="T29" fmla="*/ 84 h 255"/>
                  <a:gd name="T30" fmla="*/ 40 w 144"/>
                  <a:gd name="T31" fmla="*/ 117 h 255"/>
                  <a:gd name="T32" fmla="*/ 61 w 144"/>
                  <a:gd name="T33" fmla="*/ 95 h 255"/>
                  <a:gd name="T34" fmla="*/ 66 w 144"/>
                  <a:gd name="T35" fmla="*/ 95 h 255"/>
                  <a:gd name="T36" fmla="*/ 59 w 144"/>
                  <a:gd name="T37" fmla="*/ 115 h 255"/>
                  <a:gd name="T38" fmla="*/ 65 w 144"/>
                  <a:gd name="T39" fmla="*/ 115 h 255"/>
                  <a:gd name="T40" fmla="*/ 51 w 144"/>
                  <a:gd name="T41" fmla="*/ 136 h 255"/>
                  <a:gd name="T42" fmla="*/ 59 w 144"/>
                  <a:gd name="T43" fmla="*/ 131 h 255"/>
                  <a:gd name="T44" fmla="*/ 53 w 144"/>
                  <a:gd name="T45" fmla="*/ 151 h 255"/>
                  <a:gd name="T46" fmla="*/ 59 w 144"/>
                  <a:gd name="T47" fmla="*/ 145 h 255"/>
                  <a:gd name="T48" fmla="*/ 64 w 144"/>
                  <a:gd name="T49" fmla="*/ 143 h 255"/>
                  <a:gd name="T50" fmla="*/ 60 w 144"/>
                  <a:gd name="T51" fmla="*/ 158 h 255"/>
                  <a:gd name="T52" fmla="*/ 47 w 144"/>
                  <a:gd name="T53" fmla="*/ 186 h 255"/>
                  <a:gd name="T54" fmla="*/ 64 w 144"/>
                  <a:gd name="T55" fmla="*/ 164 h 255"/>
                  <a:gd name="T56" fmla="*/ 69 w 144"/>
                  <a:gd name="T57" fmla="*/ 160 h 255"/>
                  <a:gd name="T58" fmla="*/ 67 w 144"/>
                  <a:gd name="T59" fmla="*/ 184 h 255"/>
                  <a:gd name="T60" fmla="*/ 73 w 144"/>
                  <a:gd name="T61" fmla="*/ 195 h 255"/>
                  <a:gd name="T62" fmla="*/ 74 w 144"/>
                  <a:gd name="T63" fmla="*/ 183 h 255"/>
                  <a:gd name="T64" fmla="*/ 126 w 144"/>
                  <a:gd name="T65" fmla="*/ 217 h 255"/>
                  <a:gd name="T66" fmla="*/ 79 w 144"/>
                  <a:gd name="T67" fmla="*/ 166 h 255"/>
                  <a:gd name="T68" fmla="*/ 89 w 144"/>
                  <a:gd name="T69" fmla="*/ 178 h 255"/>
                  <a:gd name="T70" fmla="*/ 76 w 144"/>
                  <a:gd name="T71" fmla="*/ 149 h 255"/>
                  <a:gd name="T72" fmla="*/ 132 w 144"/>
                  <a:gd name="T73" fmla="*/ 171 h 255"/>
                  <a:gd name="T74" fmla="*/ 76 w 144"/>
                  <a:gd name="T75" fmla="*/ 141 h 255"/>
                  <a:gd name="T76" fmla="*/ 83 w 144"/>
                  <a:gd name="T77" fmla="*/ 133 h 255"/>
                  <a:gd name="T78" fmla="*/ 78 w 144"/>
                  <a:gd name="T79" fmla="*/ 122 h 255"/>
                  <a:gd name="T80" fmla="*/ 86 w 144"/>
                  <a:gd name="T81" fmla="*/ 122 h 255"/>
                  <a:gd name="T82" fmla="*/ 112 w 144"/>
                  <a:gd name="T83" fmla="*/ 143 h 255"/>
                  <a:gd name="T84" fmla="*/ 87 w 144"/>
                  <a:gd name="T85" fmla="*/ 102 h 255"/>
                  <a:gd name="T86" fmla="*/ 83 w 144"/>
                  <a:gd name="T87" fmla="*/ 87 h 255"/>
                  <a:gd name="T88" fmla="*/ 89 w 144"/>
                  <a:gd name="T89" fmla="*/ 84 h 255"/>
                  <a:gd name="T90" fmla="*/ 88 w 144"/>
                  <a:gd name="T91" fmla="*/ 70 h 255"/>
                  <a:gd name="T92" fmla="*/ 91 w 144"/>
                  <a:gd name="T93" fmla="*/ 68 h 255"/>
                  <a:gd name="T94" fmla="*/ 108 w 144"/>
                  <a:gd name="T95" fmla="*/ 81 h 255"/>
                  <a:gd name="T96" fmla="*/ 95 w 144"/>
                  <a:gd name="T97" fmla="*/ 61 h 255"/>
                  <a:gd name="T98" fmla="*/ 96 w 144"/>
                  <a:gd name="T99" fmla="*/ 42 h 255"/>
                  <a:gd name="T100" fmla="*/ 95 w 144"/>
                  <a:gd name="T101" fmla="*/ 32 h 255"/>
                  <a:gd name="T102" fmla="*/ 109 w 144"/>
                  <a:gd name="T103" fmla="*/ 32 h 255"/>
                  <a:gd name="T104" fmla="*/ 105 w 144"/>
                  <a:gd name="T105" fmla="*/ 17 h 255"/>
                  <a:gd name="T106" fmla="*/ 113 w 144"/>
                  <a:gd name="T107" fmla="*/ 14 h 255"/>
                  <a:gd name="T108" fmla="*/ 110 w 144"/>
                  <a:gd name="T109" fmla="*/ 0 h 25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Lst>
                <a:rect l="0" t="0" r="r" b="b"/>
                <a:pathLst>
                  <a:path w="144" h="255">
                    <a:moveTo>
                      <a:pt x="110" y="0"/>
                    </a:moveTo>
                    <a:lnTo>
                      <a:pt x="104" y="0"/>
                    </a:lnTo>
                    <a:lnTo>
                      <a:pt x="96" y="3"/>
                    </a:lnTo>
                    <a:lnTo>
                      <a:pt x="102" y="4"/>
                    </a:lnTo>
                    <a:lnTo>
                      <a:pt x="97" y="7"/>
                    </a:lnTo>
                    <a:lnTo>
                      <a:pt x="92" y="10"/>
                    </a:lnTo>
                    <a:lnTo>
                      <a:pt x="84" y="12"/>
                    </a:lnTo>
                    <a:lnTo>
                      <a:pt x="73" y="11"/>
                    </a:lnTo>
                    <a:lnTo>
                      <a:pt x="60" y="9"/>
                    </a:lnTo>
                    <a:lnTo>
                      <a:pt x="28" y="11"/>
                    </a:lnTo>
                    <a:lnTo>
                      <a:pt x="59" y="9"/>
                    </a:lnTo>
                    <a:lnTo>
                      <a:pt x="73" y="13"/>
                    </a:lnTo>
                    <a:lnTo>
                      <a:pt x="84" y="12"/>
                    </a:lnTo>
                    <a:lnTo>
                      <a:pt x="92" y="14"/>
                    </a:lnTo>
                    <a:lnTo>
                      <a:pt x="86" y="17"/>
                    </a:lnTo>
                    <a:lnTo>
                      <a:pt x="90" y="18"/>
                    </a:lnTo>
                    <a:lnTo>
                      <a:pt x="79" y="24"/>
                    </a:lnTo>
                    <a:lnTo>
                      <a:pt x="56" y="23"/>
                    </a:lnTo>
                    <a:lnTo>
                      <a:pt x="26" y="43"/>
                    </a:lnTo>
                    <a:lnTo>
                      <a:pt x="56" y="24"/>
                    </a:lnTo>
                    <a:lnTo>
                      <a:pt x="79" y="26"/>
                    </a:lnTo>
                    <a:lnTo>
                      <a:pt x="86" y="26"/>
                    </a:lnTo>
                    <a:lnTo>
                      <a:pt x="73" y="32"/>
                    </a:lnTo>
                    <a:lnTo>
                      <a:pt x="82" y="32"/>
                    </a:lnTo>
                    <a:lnTo>
                      <a:pt x="69" y="41"/>
                    </a:lnTo>
                    <a:lnTo>
                      <a:pt x="43" y="51"/>
                    </a:lnTo>
                    <a:lnTo>
                      <a:pt x="14" y="69"/>
                    </a:lnTo>
                    <a:lnTo>
                      <a:pt x="44" y="52"/>
                    </a:lnTo>
                    <a:lnTo>
                      <a:pt x="69" y="42"/>
                    </a:lnTo>
                    <a:lnTo>
                      <a:pt x="77" y="42"/>
                    </a:lnTo>
                    <a:lnTo>
                      <a:pt x="65" y="48"/>
                    </a:lnTo>
                    <a:lnTo>
                      <a:pt x="73" y="50"/>
                    </a:lnTo>
                    <a:lnTo>
                      <a:pt x="64" y="58"/>
                    </a:lnTo>
                    <a:lnTo>
                      <a:pt x="2" y="119"/>
                    </a:lnTo>
                    <a:lnTo>
                      <a:pt x="64" y="59"/>
                    </a:lnTo>
                    <a:lnTo>
                      <a:pt x="72" y="59"/>
                    </a:lnTo>
                    <a:lnTo>
                      <a:pt x="63" y="68"/>
                    </a:lnTo>
                    <a:lnTo>
                      <a:pt x="69" y="67"/>
                    </a:lnTo>
                    <a:lnTo>
                      <a:pt x="60" y="79"/>
                    </a:lnTo>
                    <a:lnTo>
                      <a:pt x="35" y="100"/>
                    </a:lnTo>
                    <a:lnTo>
                      <a:pt x="9" y="131"/>
                    </a:lnTo>
                    <a:lnTo>
                      <a:pt x="35" y="100"/>
                    </a:lnTo>
                    <a:lnTo>
                      <a:pt x="61" y="79"/>
                    </a:lnTo>
                    <a:lnTo>
                      <a:pt x="69" y="77"/>
                    </a:lnTo>
                    <a:lnTo>
                      <a:pt x="64" y="84"/>
                    </a:lnTo>
                    <a:lnTo>
                      <a:pt x="69" y="84"/>
                    </a:lnTo>
                    <a:lnTo>
                      <a:pt x="60" y="95"/>
                    </a:lnTo>
                    <a:lnTo>
                      <a:pt x="40" y="117"/>
                    </a:lnTo>
                    <a:lnTo>
                      <a:pt x="0" y="145"/>
                    </a:lnTo>
                    <a:lnTo>
                      <a:pt x="39" y="117"/>
                    </a:lnTo>
                    <a:lnTo>
                      <a:pt x="61" y="95"/>
                    </a:lnTo>
                    <a:lnTo>
                      <a:pt x="64" y="95"/>
                    </a:lnTo>
                    <a:lnTo>
                      <a:pt x="27" y="160"/>
                    </a:lnTo>
                    <a:lnTo>
                      <a:pt x="66" y="95"/>
                    </a:lnTo>
                    <a:lnTo>
                      <a:pt x="61" y="104"/>
                    </a:lnTo>
                    <a:lnTo>
                      <a:pt x="66" y="101"/>
                    </a:lnTo>
                    <a:lnTo>
                      <a:pt x="59" y="115"/>
                    </a:lnTo>
                    <a:lnTo>
                      <a:pt x="32" y="145"/>
                    </a:lnTo>
                    <a:lnTo>
                      <a:pt x="59" y="117"/>
                    </a:lnTo>
                    <a:lnTo>
                      <a:pt x="65" y="115"/>
                    </a:lnTo>
                    <a:lnTo>
                      <a:pt x="59" y="123"/>
                    </a:lnTo>
                    <a:lnTo>
                      <a:pt x="27" y="183"/>
                    </a:lnTo>
                    <a:lnTo>
                      <a:pt x="51" y="136"/>
                    </a:lnTo>
                    <a:lnTo>
                      <a:pt x="60" y="123"/>
                    </a:lnTo>
                    <a:lnTo>
                      <a:pt x="65" y="122"/>
                    </a:lnTo>
                    <a:lnTo>
                      <a:pt x="59" y="131"/>
                    </a:lnTo>
                    <a:lnTo>
                      <a:pt x="64" y="130"/>
                    </a:lnTo>
                    <a:lnTo>
                      <a:pt x="56" y="141"/>
                    </a:lnTo>
                    <a:lnTo>
                      <a:pt x="53" y="151"/>
                    </a:lnTo>
                    <a:lnTo>
                      <a:pt x="13" y="185"/>
                    </a:lnTo>
                    <a:lnTo>
                      <a:pt x="54" y="152"/>
                    </a:lnTo>
                    <a:lnTo>
                      <a:pt x="59" y="145"/>
                    </a:lnTo>
                    <a:lnTo>
                      <a:pt x="64" y="143"/>
                    </a:lnTo>
                    <a:lnTo>
                      <a:pt x="54" y="162"/>
                    </a:lnTo>
                    <a:lnTo>
                      <a:pt x="64" y="143"/>
                    </a:lnTo>
                    <a:lnTo>
                      <a:pt x="59" y="152"/>
                    </a:lnTo>
                    <a:lnTo>
                      <a:pt x="65" y="150"/>
                    </a:lnTo>
                    <a:lnTo>
                      <a:pt x="60" y="158"/>
                    </a:lnTo>
                    <a:lnTo>
                      <a:pt x="47" y="186"/>
                    </a:lnTo>
                    <a:lnTo>
                      <a:pt x="34" y="202"/>
                    </a:lnTo>
                    <a:lnTo>
                      <a:pt x="47" y="186"/>
                    </a:lnTo>
                    <a:lnTo>
                      <a:pt x="61" y="159"/>
                    </a:lnTo>
                    <a:lnTo>
                      <a:pt x="66" y="158"/>
                    </a:lnTo>
                    <a:lnTo>
                      <a:pt x="64" y="164"/>
                    </a:lnTo>
                    <a:lnTo>
                      <a:pt x="54" y="183"/>
                    </a:lnTo>
                    <a:lnTo>
                      <a:pt x="65" y="166"/>
                    </a:lnTo>
                    <a:lnTo>
                      <a:pt x="69" y="160"/>
                    </a:lnTo>
                    <a:lnTo>
                      <a:pt x="64" y="175"/>
                    </a:lnTo>
                    <a:lnTo>
                      <a:pt x="69" y="173"/>
                    </a:lnTo>
                    <a:lnTo>
                      <a:pt x="67" y="184"/>
                    </a:lnTo>
                    <a:lnTo>
                      <a:pt x="71" y="179"/>
                    </a:lnTo>
                    <a:lnTo>
                      <a:pt x="73" y="183"/>
                    </a:lnTo>
                    <a:lnTo>
                      <a:pt x="73" y="195"/>
                    </a:lnTo>
                    <a:lnTo>
                      <a:pt x="48" y="254"/>
                    </a:lnTo>
                    <a:lnTo>
                      <a:pt x="74" y="195"/>
                    </a:lnTo>
                    <a:lnTo>
                      <a:pt x="74" y="183"/>
                    </a:lnTo>
                    <a:lnTo>
                      <a:pt x="74" y="174"/>
                    </a:lnTo>
                    <a:lnTo>
                      <a:pt x="80" y="179"/>
                    </a:lnTo>
                    <a:lnTo>
                      <a:pt x="126" y="217"/>
                    </a:lnTo>
                    <a:lnTo>
                      <a:pt x="78" y="175"/>
                    </a:lnTo>
                    <a:lnTo>
                      <a:pt x="74" y="164"/>
                    </a:lnTo>
                    <a:lnTo>
                      <a:pt x="79" y="166"/>
                    </a:lnTo>
                    <a:lnTo>
                      <a:pt x="73" y="153"/>
                    </a:lnTo>
                    <a:lnTo>
                      <a:pt x="78" y="159"/>
                    </a:lnTo>
                    <a:lnTo>
                      <a:pt x="89" y="178"/>
                    </a:lnTo>
                    <a:lnTo>
                      <a:pt x="79" y="157"/>
                    </a:lnTo>
                    <a:lnTo>
                      <a:pt x="74" y="149"/>
                    </a:lnTo>
                    <a:lnTo>
                      <a:pt x="76" y="149"/>
                    </a:lnTo>
                    <a:lnTo>
                      <a:pt x="82" y="153"/>
                    </a:lnTo>
                    <a:lnTo>
                      <a:pt x="93" y="164"/>
                    </a:lnTo>
                    <a:lnTo>
                      <a:pt x="132" y="171"/>
                    </a:lnTo>
                    <a:lnTo>
                      <a:pt x="92" y="162"/>
                    </a:lnTo>
                    <a:lnTo>
                      <a:pt x="79" y="150"/>
                    </a:lnTo>
                    <a:lnTo>
                      <a:pt x="76" y="141"/>
                    </a:lnTo>
                    <a:lnTo>
                      <a:pt x="82" y="141"/>
                    </a:lnTo>
                    <a:lnTo>
                      <a:pt x="76" y="131"/>
                    </a:lnTo>
                    <a:lnTo>
                      <a:pt x="83" y="133"/>
                    </a:lnTo>
                    <a:lnTo>
                      <a:pt x="110" y="151"/>
                    </a:lnTo>
                    <a:lnTo>
                      <a:pt x="83" y="132"/>
                    </a:lnTo>
                    <a:lnTo>
                      <a:pt x="78" y="122"/>
                    </a:lnTo>
                    <a:lnTo>
                      <a:pt x="84" y="125"/>
                    </a:lnTo>
                    <a:lnTo>
                      <a:pt x="79" y="116"/>
                    </a:lnTo>
                    <a:lnTo>
                      <a:pt x="86" y="122"/>
                    </a:lnTo>
                    <a:lnTo>
                      <a:pt x="82" y="108"/>
                    </a:lnTo>
                    <a:lnTo>
                      <a:pt x="87" y="115"/>
                    </a:lnTo>
                    <a:lnTo>
                      <a:pt x="112" y="143"/>
                    </a:lnTo>
                    <a:lnTo>
                      <a:pt x="86" y="115"/>
                    </a:lnTo>
                    <a:lnTo>
                      <a:pt x="80" y="98"/>
                    </a:lnTo>
                    <a:lnTo>
                      <a:pt x="87" y="102"/>
                    </a:lnTo>
                    <a:lnTo>
                      <a:pt x="127" y="118"/>
                    </a:lnTo>
                    <a:lnTo>
                      <a:pt x="87" y="101"/>
                    </a:lnTo>
                    <a:lnTo>
                      <a:pt x="83" y="87"/>
                    </a:lnTo>
                    <a:lnTo>
                      <a:pt x="88" y="89"/>
                    </a:lnTo>
                    <a:lnTo>
                      <a:pt x="83" y="81"/>
                    </a:lnTo>
                    <a:lnTo>
                      <a:pt x="89" y="84"/>
                    </a:lnTo>
                    <a:lnTo>
                      <a:pt x="108" y="124"/>
                    </a:lnTo>
                    <a:lnTo>
                      <a:pt x="88" y="80"/>
                    </a:lnTo>
                    <a:lnTo>
                      <a:pt x="88" y="70"/>
                    </a:lnTo>
                    <a:lnTo>
                      <a:pt x="94" y="75"/>
                    </a:lnTo>
                    <a:lnTo>
                      <a:pt x="105" y="97"/>
                    </a:lnTo>
                    <a:lnTo>
                      <a:pt x="91" y="68"/>
                    </a:lnTo>
                    <a:lnTo>
                      <a:pt x="89" y="59"/>
                    </a:lnTo>
                    <a:lnTo>
                      <a:pt x="94" y="63"/>
                    </a:lnTo>
                    <a:lnTo>
                      <a:pt x="108" y="81"/>
                    </a:lnTo>
                    <a:lnTo>
                      <a:pt x="143" y="91"/>
                    </a:lnTo>
                    <a:lnTo>
                      <a:pt x="108" y="79"/>
                    </a:lnTo>
                    <a:lnTo>
                      <a:pt x="95" y="61"/>
                    </a:lnTo>
                    <a:lnTo>
                      <a:pt x="93" y="48"/>
                    </a:lnTo>
                    <a:lnTo>
                      <a:pt x="99" y="54"/>
                    </a:lnTo>
                    <a:lnTo>
                      <a:pt x="96" y="42"/>
                    </a:lnTo>
                    <a:lnTo>
                      <a:pt x="118" y="73"/>
                    </a:lnTo>
                    <a:lnTo>
                      <a:pt x="97" y="41"/>
                    </a:lnTo>
                    <a:lnTo>
                      <a:pt x="95" y="32"/>
                    </a:lnTo>
                    <a:lnTo>
                      <a:pt x="102" y="39"/>
                    </a:lnTo>
                    <a:lnTo>
                      <a:pt x="101" y="25"/>
                    </a:lnTo>
                    <a:lnTo>
                      <a:pt x="109" y="32"/>
                    </a:lnTo>
                    <a:lnTo>
                      <a:pt x="141" y="56"/>
                    </a:lnTo>
                    <a:lnTo>
                      <a:pt x="109" y="31"/>
                    </a:lnTo>
                    <a:lnTo>
                      <a:pt x="105" y="17"/>
                    </a:lnTo>
                    <a:lnTo>
                      <a:pt x="110" y="21"/>
                    </a:lnTo>
                    <a:lnTo>
                      <a:pt x="108" y="10"/>
                    </a:lnTo>
                    <a:lnTo>
                      <a:pt x="113" y="14"/>
                    </a:lnTo>
                    <a:lnTo>
                      <a:pt x="113" y="5"/>
                    </a:lnTo>
                    <a:lnTo>
                      <a:pt x="113" y="2"/>
                    </a:lnTo>
                    <a:lnTo>
                      <a:pt x="110"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7" name="Freeform 98"/>
              <p:cNvSpPr>
                <a:spLocks/>
              </p:cNvSpPr>
              <p:nvPr/>
            </p:nvSpPr>
            <p:spPr bwMode="ltGray">
              <a:xfrm>
                <a:off x="5673" y="4049"/>
                <a:ext cx="38" cy="146"/>
              </a:xfrm>
              <a:custGeom>
                <a:avLst/>
                <a:gdLst>
                  <a:gd name="T0" fmla="*/ 7 w 38"/>
                  <a:gd name="T1" fmla="*/ 0 h 146"/>
                  <a:gd name="T2" fmla="*/ 9 w 38"/>
                  <a:gd name="T3" fmla="*/ 2 h 146"/>
                  <a:gd name="T4" fmla="*/ 22 w 38"/>
                  <a:gd name="T5" fmla="*/ 28 h 146"/>
                  <a:gd name="T6" fmla="*/ 29 w 38"/>
                  <a:gd name="T7" fmla="*/ 52 h 146"/>
                  <a:gd name="T8" fmla="*/ 37 w 38"/>
                  <a:gd name="T9" fmla="*/ 83 h 146"/>
                  <a:gd name="T10" fmla="*/ 37 w 38"/>
                  <a:gd name="T11" fmla="*/ 116 h 146"/>
                  <a:gd name="T12" fmla="*/ 32 w 38"/>
                  <a:gd name="T13" fmla="*/ 145 h 146"/>
                  <a:gd name="T14" fmla="*/ 29 w 38"/>
                  <a:gd name="T15" fmla="*/ 145 h 146"/>
                  <a:gd name="T16" fmla="*/ 32 w 38"/>
                  <a:gd name="T17" fmla="*/ 116 h 146"/>
                  <a:gd name="T18" fmla="*/ 32 w 38"/>
                  <a:gd name="T19" fmla="*/ 92 h 146"/>
                  <a:gd name="T20" fmla="*/ 25 w 38"/>
                  <a:gd name="T21" fmla="*/ 65 h 146"/>
                  <a:gd name="T22" fmla="*/ 14 w 38"/>
                  <a:gd name="T23" fmla="*/ 39 h 146"/>
                  <a:gd name="T24" fmla="*/ 0 w 38"/>
                  <a:gd name="T25" fmla="*/ 6 h 146"/>
                  <a:gd name="T26" fmla="*/ 7 w 38"/>
                  <a:gd name="T27" fmla="*/ 0 h 14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38" h="146">
                    <a:moveTo>
                      <a:pt x="7" y="0"/>
                    </a:moveTo>
                    <a:lnTo>
                      <a:pt x="9" y="2"/>
                    </a:lnTo>
                    <a:lnTo>
                      <a:pt x="22" y="28"/>
                    </a:lnTo>
                    <a:lnTo>
                      <a:pt x="29" y="52"/>
                    </a:lnTo>
                    <a:lnTo>
                      <a:pt x="37" y="83"/>
                    </a:lnTo>
                    <a:lnTo>
                      <a:pt x="37" y="116"/>
                    </a:lnTo>
                    <a:lnTo>
                      <a:pt x="32" y="145"/>
                    </a:lnTo>
                    <a:lnTo>
                      <a:pt x="29" y="145"/>
                    </a:lnTo>
                    <a:lnTo>
                      <a:pt x="32" y="116"/>
                    </a:lnTo>
                    <a:lnTo>
                      <a:pt x="32" y="92"/>
                    </a:lnTo>
                    <a:lnTo>
                      <a:pt x="25" y="65"/>
                    </a:lnTo>
                    <a:lnTo>
                      <a:pt x="14" y="39"/>
                    </a:lnTo>
                    <a:lnTo>
                      <a:pt x="0" y="6"/>
                    </a:lnTo>
                    <a:lnTo>
                      <a:pt x="7"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8" name="Freeform 99"/>
              <p:cNvSpPr>
                <a:spLocks/>
              </p:cNvSpPr>
              <p:nvPr/>
            </p:nvSpPr>
            <p:spPr bwMode="ltGray">
              <a:xfrm>
                <a:off x="4807" y="3785"/>
                <a:ext cx="34" cy="249"/>
              </a:xfrm>
              <a:custGeom>
                <a:avLst/>
                <a:gdLst>
                  <a:gd name="T0" fmla="*/ 26 w 34"/>
                  <a:gd name="T1" fmla="*/ 0 h 249"/>
                  <a:gd name="T2" fmla="*/ 33 w 34"/>
                  <a:gd name="T3" fmla="*/ 9 h 249"/>
                  <a:gd name="T4" fmla="*/ 23 w 34"/>
                  <a:gd name="T5" fmla="*/ 103 h 249"/>
                  <a:gd name="T6" fmla="*/ 24 w 34"/>
                  <a:gd name="T7" fmla="*/ 130 h 249"/>
                  <a:gd name="T8" fmla="*/ 28 w 34"/>
                  <a:gd name="T9" fmla="*/ 248 h 249"/>
                  <a:gd name="T10" fmla="*/ 8 w 34"/>
                  <a:gd name="T11" fmla="*/ 154 h 249"/>
                  <a:gd name="T12" fmla="*/ 4 w 34"/>
                  <a:gd name="T13" fmla="*/ 127 h 249"/>
                  <a:gd name="T14" fmla="*/ 1 w 34"/>
                  <a:gd name="T15" fmla="*/ 105 h 249"/>
                  <a:gd name="T16" fmla="*/ 0 w 34"/>
                  <a:gd name="T17" fmla="*/ 84 h 249"/>
                  <a:gd name="T18" fmla="*/ 4 w 34"/>
                  <a:gd name="T19" fmla="*/ 62 h 249"/>
                  <a:gd name="T20" fmla="*/ 8 w 34"/>
                  <a:gd name="T21" fmla="*/ 35 h 249"/>
                  <a:gd name="T22" fmla="*/ 26 w 34"/>
                  <a:gd name="T23" fmla="*/ 0 h 2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34" h="249">
                    <a:moveTo>
                      <a:pt x="26" y="0"/>
                    </a:moveTo>
                    <a:lnTo>
                      <a:pt x="33" y="9"/>
                    </a:lnTo>
                    <a:lnTo>
                      <a:pt x="23" y="103"/>
                    </a:lnTo>
                    <a:lnTo>
                      <a:pt x="24" y="130"/>
                    </a:lnTo>
                    <a:lnTo>
                      <a:pt x="28" y="248"/>
                    </a:lnTo>
                    <a:lnTo>
                      <a:pt x="8" y="154"/>
                    </a:lnTo>
                    <a:lnTo>
                      <a:pt x="4" y="127"/>
                    </a:lnTo>
                    <a:lnTo>
                      <a:pt x="1" y="105"/>
                    </a:lnTo>
                    <a:lnTo>
                      <a:pt x="0" y="84"/>
                    </a:lnTo>
                    <a:lnTo>
                      <a:pt x="4" y="62"/>
                    </a:lnTo>
                    <a:lnTo>
                      <a:pt x="8" y="35"/>
                    </a:lnTo>
                    <a:lnTo>
                      <a:pt x="26"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29" name="Freeform 100"/>
              <p:cNvSpPr>
                <a:spLocks/>
              </p:cNvSpPr>
              <p:nvPr/>
            </p:nvSpPr>
            <p:spPr bwMode="ltGray">
              <a:xfrm>
                <a:off x="4495" y="3709"/>
                <a:ext cx="207" cy="349"/>
              </a:xfrm>
              <a:custGeom>
                <a:avLst/>
                <a:gdLst>
                  <a:gd name="T0" fmla="*/ 115 w 207"/>
                  <a:gd name="T1" fmla="*/ 13 h 349"/>
                  <a:gd name="T2" fmla="*/ 107 w 207"/>
                  <a:gd name="T3" fmla="*/ 26 h 349"/>
                  <a:gd name="T4" fmla="*/ 38 w 207"/>
                  <a:gd name="T5" fmla="*/ 35 h 349"/>
                  <a:gd name="T6" fmla="*/ 102 w 207"/>
                  <a:gd name="T7" fmla="*/ 35 h 349"/>
                  <a:gd name="T8" fmla="*/ 83 w 207"/>
                  <a:gd name="T9" fmla="*/ 60 h 349"/>
                  <a:gd name="T10" fmla="*/ 73 w 207"/>
                  <a:gd name="T11" fmla="*/ 74 h 349"/>
                  <a:gd name="T12" fmla="*/ 82 w 207"/>
                  <a:gd name="T13" fmla="*/ 75 h 349"/>
                  <a:gd name="T14" fmla="*/ 50 w 207"/>
                  <a:gd name="T15" fmla="*/ 96 h 349"/>
                  <a:gd name="T16" fmla="*/ 74 w 207"/>
                  <a:gd name="T17" fmla="*/ 96 h 349"/>
                  <a:gd name="T18" fmla="*/ 67 w 207"/>
                  <a:gd name="T19" fmla="*/ 105 h 349"/>
                  <a:gd name="T20" fmla="*/ 73 w 207"/>
                  <a:gd name="T21" fmla="*/ 111 h 349"/>
                  <a:gd name="T22" fmla="*/ 13 w 207"/>
                  <a:gd name="T23" fmla="*/ 148 h 349"/>
                  <a:gd name="T24" fmla="*/ 69 w 207"/>
                  <a:gd name="T25" fmla="*/ 139 h 349"/>
                  <a:gd name="T26" fmla="*/ 74 w 207"/>
                  <a:gd name="T27" fmla="*/ 150 h 349"/>
                  <a:gd name="T28" fmla="*/ 28 w 207"/>
                  <a:gd name="T29" fmla="*/ 184 h 349"/>
                  <a:gd name="T30" fmla="*/ 45 w 207"/>
                  <a:gd name="T31" fmla="*/ 178 h 349"/>
                  <a:gd name="T32" fmla="*/ 59 w 207"/>
                  <a:gd name="T33" fmla="*/ 186 h 349"/>
                  <a:gd name="T34" fmla="*/ 0 w 207"/>
                  <a:gd name="T35" fmla="*/ 251 h 349"/>
                  <a:gd name="T36" fmla="*/ 51 w 207"/>
                  <a:gd name="T37" fmla="*/ 215 h 349"/>
                  <a:gd name="T38" fmla="*/ 58 w 207"/>
                  <a:gd name="T39" fmla="*/ 228 h 349"/>
                  <a:gd name="T40" fmla="*/ 45 w 207"/>
                  <a:gd name="T41" fmla="*/ 243 h 349"/>
                  <a:gd name="T42" fmla="*/ 53 w 207"/>
                  <a:gd name="T43" fmla="*/ 254 h 349"/>
                  <a:gd name="T44" fmla="*/ 46 w 207"/>
                  <a:gd name="T45" fmla="*/ 278 h 349"/>
                  <a:gd name="T46" fmla="*/ 39 w 207"/>
                  <a:gd name="T47" fmla="*/ 328 h 349"/>
                  <a:gd name="T48" fmla="*/ 58 w 207"/>
                  <a:gd name="T49" fmla="*/ 287 h 349"/>
                  <a:gd name="T50" fmla="*/ 95 w 207"/>
                  <a:gd name="T51" fmla="*/ 347 h 349"/>
                  <a:gd name="T52" fmla="*/ 82 w 207"/>
                  <a:gd name="T53" fmla="*/ 264 h 349"/>
                  <a:gd name="T54" fmla="*/ 77 w 207"/>
                  <a:gd name="T55" fmla="*/ 236 h 349"/>
                  <a:gd name="T56" fmla="*/ 164 w 207"/>
                  <a:gd name="T57" fmla="*/ 347 h 349"/>
                  <a:gd name="T58" fmla="*/ 84 w 207"/>
                  <a:gd name="T59" fmla="*/ 220 h 349"/>
                  <a:gd name="T60" fmla="*/ 95 w 207"/>
                  <a:gd name="T61" fmla="*/ 215 h 349"/>
                  <a:gd name="T62" fmla="*/ 104 w 207"/>
                  <a:gd name="T63" fmla="*/ 240 h 349"/>
                  <a:gd name="T64" fmla="*/ 99 w 207"/>
                  <a:gd name="T65" fmla="*/ 193 h 349"/>
                  <a:gd name="T66" fmla="*/ 146 w 207"/>
                  <a:gd name="T67" fmla="*/ 301 h 349"/>
                  <a:gd name="T68" fmla="*/ 112 w 207"/>
                  <a:gd name="T69" fmla="*/ 157 h 349"/>
                  <a:gd name="T70" fmla="*/ 106 w 207"/>
                  <a:gd name="T71" fmla="*/ 134 h 349"/>
                  <a:gd name="T72" fmla="*/ 109 w 207"/>
                  <a:gd name="T73" fmla="*/ 114 h 349"/>
                  <a:gd name="T74" fmla="*/ 115 w 207"/>
                  <a:gd name="T75" fmla="*/ 96 h 349"/>
                  <a:gd name="T76" fmla="*/ 175 w 207"/>
                  <a:gd name="T77" fmla="*/ 192 h 349"/>
                  <a:gd name="T78" fmla="*/ 136 w 207"/>
                  <a:gd name="T79" fmla="*/ 137 h 349"/>
                  <a:gd name="T80" fmla="*/ 128 w 207"/>
                  <a:gd name="T81" fmla="*/ 84 h 349"/>
                  <a:gd name="T82" fmla="*/ 138 w 207"/>
                  <a:gd name="T83" fmla="*/ 93 h 349"/>
                  <a:gd name="T84" fmla="*/ 133 w 207"/>
                  <a:gd name="T85" fmla="*/ 75 h 349"/>
                  <a:gd name="T86" fmla="*/ 146 w 207"/>
                  <a:gd name="T87" fmla="*/ 75 h 349"/>
                  <a:gd name="T88" fmla="*/ 140 w 207"/>
                  <a:gd name="T89" fmla="*/ 50 h 349"/>
                  <a:gd name="T90" fmla="*/ 145 w 207"/>
                  <a:gd name="T91" fmla="*/ 27 h 349"/>
                  <a:gd name="T92" fmla="*/ 134 w 207"/>
                  <a:gd name="T93" fmla="*/ 10 h 34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Lst>
                <a:rect l="0" t="0" r="r" b="b"/>
                <a:pathLst>
                  <a:path w="207" h="349">
                    <a:moveTo>
                      <a:pt x="140" y="0"/>
                    </a:moveTo>
                    <a:lnTo>
                      <a:pt x="130" y="10"/>
                    </a:lnTo>
                    <a:lnTo>
                      <a:pt x="115" y="13"/>
                    </a:lnTo>
                    <a:lnTo>
                      <a:pt x="107" y="16"/>
                    </a:lnTo>
                    <a:lnTo>
                      <a:pt x="98" y="25"/>
                    </a:lnTo>
                    <a:lnTo>
                      <a:pt x="107" y="26"/>
                    </a:lnTo>
                    <a:lnTo>
                      <a:pt x="95" y="32"/>
                    </a:lnTo>
                    <a:lnTo>
                      <a:pt x="78" y="35"/>
                    </a:lnTo>
                    <a:lnTo>
                      <a:pt x="38" y="35"/>
                    </a:lnTo>
                    <a:lnTo>
                      <a:pt x="79" y="37"/>
                    </a:lnTo>
                    <a:lnTo>
                      <a:pt x="95" y="32"/>
                    </a:lnTo>
                    <a:lnTo>
                      <a:pt x="102" y="35"/>
                    </a:lnTo>
                    <a:lnTo>
                      <a:pt x="84" y="46"/>
                    </a:lnTo>
                    <a:lnTo>
                      <a:pt x="97" y="50"/>
                    </a:lnTo>
                    <a:lnTo>
                      <a:pt x="83" y="60"/>
                    </a:lnTo>
                    <a:lnTo>
                      <a:pt x="73" y="71"/>
                    </a:lnTo>
                    <a:lnTo>
                      <a:pt x="11" y="75"/>
                    </a:lnTo>
                    <a:lnTo>
                      <a:pt x="73" y="74"/>
                    </a:lnTo>
                    <a:lnTo>
                      <a:pt x="83" y="64"/>
                    </a:lnTo>
                    <a:lnTo>
                      <a:pt x="93" y="66"/>
                    </a:lnTo>
                    <a:lnTo>
                      <a:pt x="82" y="75"/>
                    </a:lnTo>
                    <a:lnTo>
                      <a:pt x="50" y="95"/>
                    </a:lnTo>
                    <a:lnTo>
                      <a:pt x="16" y="101"/>
                    </a:lnTo>
                    <a:lnTo>
                      <a:pt x="50" y="96"/>
                    </a:lnTo>
                    <a:lnTo>
                      <a:pt x="82" y="79"/>
                    </a:lnTo>
                    <a:lnTo>
                      <a:pt x="88" y="84"/>
                    </a:lnTo>
                    <a:lnTo>
                      <a:pt x="74" y="96"/>
                    </a:lnTo>
                    <a:lnTo>
                      <a:pt x="67" y="104"/>
                    </a:lnTo>
                    <a:lnTo>
                      <a:pt x="24" y="120"/>
                    </a:lnTo>
                    <a:lnTo>
                      <a:pt x="67" y="105"/>
                    </a:lnTo>
                    <a:lnTo>
                      <a:pt x="74" y="98"/>
                    </a:lnTo>
                    <a:lnTo>
                      <a:pt x="85" y="100"/>
                    </a:lnTo>
                    <a:lnTo>
                      <a:pt x="73" y="111"/>
                    </a:lnTo>
                    <a:lnTo>
                      <a:pt x="83" y="112"/>
                    </a:lnTo>
                    <a:lnTo>
                      <a:pt x="64" y="125"/>
                    </a:lnTo>
                    <a:lnTo>
                      <a:pt x="13" y="148"/>
                    </a:lnTo>
                    <a:lnTo>
                      <a:pt x="64" y="128"/>
                    </a:lnTo>
                    <a:lnTo>
                      <a:pt x="81" y="126"/>
                    </a:lnTo>
                    <a:lnTo>
                      <a:pt x="69" y="139"/>
                    </a:lnTo>
                    <a:lnTo>
                      <a:pt x="78" y="137"/>
                    </a:lnTo>
                    <a:lnTo>
                      <a:pt x="64" y="152"/>
                    </a:lnTo>
                    <a:lnTo>
                      <a:pt x="74" y="150"/>
                    </a:lnTo>
                    <a:lnTo>
                      <a:pt x="63" y="164"/>
                    </a:lnTo>
                    <a:lnTo>
                      <a:pt x="45" y="176"/>
                    </a:lnTo>
                    <a:lnTo>
                      <a:pt x="28" y="184"/>
                    </a:lnTo>
                    <a:lnTo>
                      <a:pt x="4" y="186"/>
                    </a:lnTo>
                    <a:lnTo>
                      <a:pt x="28" y="186"/>
                    </a:lnTo>
                    <a:lnTo>
                      <a:pt x="45" y="178"/>
                    </a:lnTo>
                    <a:lnTo>
                      <a:pt x="63" y="168"/>
                    </a:lnTo>
                    <a:lnTo>
                      <a:pt x="74" y="170"/>
                    </a:lnTo>
                    <a:lnTo>
                      <a:pt x="59" y="186"/>
                    </a:lnTo>
                    <a:lnTo>
                      <a:pt x="70" y="186"/>
                    </a:lnTo>
                    <a:lnTo>
                      <a:pt x="56" y="199"/>
                    </a:lnTo>
                    <a:lnTo>
                      <a:pt x="0" y="251"/>
                    </a:lnTo>
                    <a:lnTo>
                      <a:pt x="57" y="200"/>
                    </a:lnTo>
                    <a:lnTo>
                      <a:pt x="66" y="202"/>
                    </a:lnTo>
                    <a:lnTo>
                      <a:pt x="51" y="215"/>
                    </a:lnTo>
                    <a:lnTo>
                      <a:pt x="60" y="218"/>
                    </a:lnTo>
                    <a:lnTo>
                      <a:pt x="47" y="231"/>
                    </a:lnTo>
                    <a:lnTo>
                      <a:pt x="58" y="228"/>
                    </a:lnTo>
                    <a:lnTo>
                      <a:pt x="24" y="270"/>
                    </a:lnTo>
                    <a:lnTo>
                      <a:pt x="59" y="231"/>
                    </a:lnTo>
                    <a:lnTo>
                      <a:pt x="45" y="243"/>
                    </a:lnTo>
                    <a:lnTo>
                      <a:pt x="55" y="243"/>
                    </a:lnTo>
                    <a:lnTo>
                      <a:pt x="45" y="257"/>
                    </a:lnTo>
                    <a:lnTo>
                      <a:pt x="53" y="254"/>
                    </a:lnTo>
                    <a:lnTo>
                      <a:pt x="42" y="270"/>
                    </a:lnTo>
                    <a:lnTo>
                      <a:pt x="53" y="259"/>
                    </a:lnTo>
                    <a:lnTo>
                      <a:pt x="46" y="278"/>
                    </a:lnTo>
                    <a:lnTo>
                      <a:pt x="38" y="328"/>
                    </a:lnTo>
                    <a:lnTo>
                      <a:pt x="42" y="348"/>
                    </a:lnTo>
                    <a:lnTo>
                      <a:pt x="39" y="328"/>
                    </a:lnTo>
                    <a:lnTo>
                      <a:pt x="47" y="279"/>
                    </a:lnTo>
                    <a:lnTo>
                      <a:pt x="56" y="273"/>
                    </a:lnTo>
                    <a:lnTo>
                      <a:pt x="58" y="287"/>
                    </a:lnTo>
                    <a:lnTo>
                      <a:pt x="64" y="270"/>
                    </a:lnTo>
                    <a:lnTo>
                      <a:pt x="71" y="276"/>
                    </a:lnTo>
                    <a:lnTo>
                      <a:pt x="95" y="347"/>
                    </a:lnTo>
                    <a:lnTo>
                      <a:pt x="73" y="270"/>
                    </a:lnTo>
                    <a:lnTo>
                      <a:pt x="73" y="254"/>
                    </a:lnTo>
                    <a:lnTo>
                      <a:pt x="82" y="264"/>
                    </a:lnTo>
                    <a:lnTo>
                      <a:pt x="82" y="315"/>
                    </a:lnTo>
                    <a:lnTo>
                      <a:pt x="82" y="259"/>
                    </a:lnTo>
                    <a:lnTo>
                      <a:pt x="77" y="236"/>
                    </a:lnTo>
                    <a:lnTo>
                      <a:pt x="86" y="248"/>
                    </a:lnTo>
                    <a:lnTo>
                      <a:pt x="102" y="287"/>
                    </a:lnTo>
                    <a:lnTo>
                      <a:pt x="164" y="347"/>
                    </a:lnTo>
                    <a:lnTo>
                      <a:pt x="103" y="285"/>
                    </a:lnTo>
                    <a:lnTo>
                      <a:pt x="86" y="245"/>
                    </a:lnTo>
                    <a:lnTo>
                      <a:pt x="84" y="220"/>
                    </a:lnTo>
                    <a:lnTo>
                      <a:pt x="93" y="232"/>
                    </a:lnTo>
                    <a:lnTo>
                      <a:pt x="88" y="204"/>
                    </a:lnTo>
                    <a:lnTo>
                      <a:pt x="95" y="215"/>
                    </a:lnTo>
                    <a:lnTo>
                      <a:pt x="103" y="241"/>
                    </a:lnTo>
                    <a:lnTo>
                      <a:pt x="140" y="329"/>
                    </a:lnTo>
                    <a:lnTo>
                      <a:pt x="104" y="240"/>
                    </a:lnTo>
                    <a:lnTo>
                      <a:pt x="95" y="215"/>
                    </a:lnTo>
                    <a:lnTo>
                      <a:pt x="93" y="184"/>
                    </a:lnTo>
                    <a:lnTo>
                      <a:pt x="99" y="193"/>
                    </a:lnTo>
                    <a:lnTo>
                      <a:pt x="98" y="172"/>
                    </a:lnTo>
                    <a:lnTo>
                      <a:pt x="104" y="178"/>
                    </a:lnTo>
                    <a:lnTo>
                      <a:pt x="146" y="301"/>
                    </a:lnTo>
                    <a:lnTo>
                      <a:pt x="107" y="175"/>
                    </a:lnTo>
                    <a:lnTo>
                      <a:pt x="104" y="150"/>
                    </a:lnTo>
                    <a:lnTo>
                      <a:pt x="112" y="157"/>
                    </a:lnTo>
                    <a:lnTo>
                      <a:pt x="125" y="251"/>
                    </a:lnTo>
                    <a:lnTo>
                      <a:pt x="114" y="153"/>
                    </a:lnTo>
                    <a:lnTo>
                      <a:pt x="106" y="134"/>
                    </a:lnTo>
                    <a:lnTo>
                      <a:pt x="106" y="127"/>
                    </a:lnTo>
                    <a:lnTo>
                      <a:pt x="112" y="140"/>
                    </a:lnTo>
                    <a:lnTo>
                      <a:pt x="109" y="114"/>
                    </a:lnTo>
                    <a:lnTo>
                      <a:pt x="111" y="106"/>
                    </a:lnTo>
                    <a:lnTo>
                      <a:pt x="115" y="121"/>
                    </a:lnTo>
                    <a:lnTo>
                      <a:pt x="115" y="96"/>
                    </a:lnTo>
                    <a:lnTo>
                      <a:pt x="122" y="101"/>
                    </a:lnTo>
                    <a:lnTo>
                      <a:pt x="135" y="139"/>
                    </a:lnTo>
                    <a:lnTo>
                      <a:pt x="175" y="192"/>
                    </a:lnTo>
                    <a:lnTo>
                      <a:pt x="188" y="228"/>
                    </a:lnTo>
                    <a:lnTo>
                      <a:pt x="175" y="189"/>
                    </a:lnTo>
                    <a:lnTo>
                      <a:pt x="136" y="137"/>
                    </a:lnTo>
                    <a:lnTo>
                      <a:pt x="123" y="99"/>
                    </a:lnTo>
                    <a:lnTo>
                      <a:pt x="120" y="75"/>
                    </a:lnTo>
                    <a:lnTo>
                      <a:pt x="128" y="84"/>
                    </a:lnTo>
                    <a:lnTo>
                      <a:pt x="125" y="61"/>
                    </a:lnTo>
                    <a:lnTo>
                      <a:pt x="132" y="75"/>
                    </a:lnTo>
                    <a:lnTo>
                      <a:pt x="138" y="93"/>
                    </a:lnTo>
                    <a:lnTo>
                      <a:pt x="206" y="146"/>
                    </a:lnTo>
                    <a:lnTo>
                      <a:pt x="140" y="93"/>
                    </a:lnTo>
                    <a:lnTo>
                      <a:pt x="133" y="75"/>
                    </a:lnTo>
                    <a:lnTo>
                      <a:pt x="134" y="44"/>
                    </a:lnTo>
                    <a:lnTo>
                      <a:pt x="138" y="52"/>
                    </a:lnTo>
                    <a:lnTo>
                      <a:pt x="146" y="75"/>
                    </a:lnTo>
                    <a:lnTo>
                      <a:pt x="191" y="129"/>
                    </a:lnTo>
                    <a:lnTo>
                      <a:pt x="146" y="73"/>
                    </a:lnTo>
                    <a:lnTo>
                      <a:pt x="140" y="50"/>
                    </a:lnTo>
                    <a:lnTo>
                      <a:pt x="137" y="28"/>
                    </a:lnTo>
                    <a:lnTo>
                      <a:pt x="148" y="40"/>
                    </a:lnTo>
                    <a:lnTo>
                      <a:pt x="145" y="27"/>
                    </a:lnTo>
                    <a:lnTo>
                      <a:pt x="142" y="19"/>
                    </a:lnTo>
                    <a:lnTo>
                      <a:pt x="140" y="13"/>
                    </a:lnTo>
                    <a:lnTo>
                      <a:pt x="134" y="10"/>
                    </a:lnTo>
                    <a:lnTo>
                      <a:pt x="140" y="0"/>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0" name="Freeform 101"/>
              <p:cNvSpPr>
                <a:spLocks/>
              </p:cNvSpPr>
              <p:nvPr/>
            </p:nvSpPr>
            <p:spPr bwMode="ltGray">
              <a:xfrm>
                <a:off x="4679" y="3766"/>
                <a:ext cx="99" cy="243"/>
              </a:xfrm>
              <a:custGeom>
                <a:avLst/>
                <a:gdLst>
                  <a:gd name="T0" fmla="*/ 96 w 99"/>
                  <a:gd name="T1" fmla="*/ 25 h 243"/>
                  <a:gd name="T2" fmla="*/ 61 w 99"/>
                  <a:gd name="T3" fmla="*/ 0 h 243"/>
                  <a:gd name="T4" fmla="*/ 51 w 99"/>
                  <a:gd name="T5" fmla="*/ 0 h 243"/>
                  <a:gd name="T6" fmla="*/ 42 w 99"/>
                  <a:gd name="T7" fmla="*/ 3 h 243"/>
                  <a:gd name="T8" fmla="*/ 34 w 99"/>
                  <a:gd name="T9" fmla="*/ 13 h 243"/>
                  <a:gd name="T10" fmla="*/ 16 w 99"/>
                  <a:gd name="T11" fmla="*/ 45 h 243"/>
                  <a:gd name="T12" fmla="*/ 10 w 99"/>
                  <a:gd name="T13" fmla="*/ 58 h 243"/>
                  <a:gd name="T14" fmla="*/ 5 w 99"/>
                  <a:gd name="T15" fmla="*/ 71 h 243"/>
                  <a:gd name="T16" fmla="*/ 1 w 99"/>
                  <a:gd name="T17" fmla="*/ 113 h 243"/>
                  <a:gd name="T18" fmla="*/ 0 w 99"/>
                  <a:gd name="T19" fmla="*/ 126 h 243"/>
                  <a:gd name="T20" fmla="*/ 1 w 99"/>
                  <a:gd name="T21" fmla="*/ 142 h 243"/>
                  <a:gd name="T22" fmla="*/ 4 w 99"/>
                  <a:gd name="T23" fmla="*/ 158 h 243"/>
                  <a:gd name="T24" fmla="*/ 11 w 99"/>
                  <a:gd name="T25" fmla="*/ 185 h 243"/>
                  <a:gd name="T26" fmla="*/ 18 w 99"/>
                  <a:gd name="T27" fmla="*/ 201 h 243"/>
                  <a:gd name="T28" fmla="*/ 27 w 99"/>
                  <a:gd name="T29" fmla="*/ 219 h 243"/>
                  <a:gd name="T30" fmla="*/ 45 w 99"/>
                  <a:gd name="T31" fmla="*/ 242 h 243"/>
                  <a:gd name="T32" fmla="*/ 36 w 99"/>
                  <a:gd name="T33" fmla="*/ 213 h 243"/>
                  <a:gd name="T34" fmla="*/ 28 w 99"/>
                  <a:gd name="T35" fmla="*/ 187 h 243"/>
                  <a:gd name="T36" fmla="*/ 23 w 99"/>
                  <a:gd name="T37" fmla="*/ 164 h 243"/>
                  <a:gd name="T38" fmla="*/ 25 w 99"/>
                  <a:gd name="T39" fmla="*/ 142 h 243"/>
                  <a:gd name="T40" fmla="*/ 27 w 99"/>
                  <a:gd name="T41" fmla="*/ 126 h 243"/>
                  <a:gd name="T42" fmla="*/ 23 w 99"/>
                  <a:gd name="T43" fmla="*/ 107 h 243"/>
                  <a:gd name="T44" fmla="*/ 22 w 99"/>
                  <a:gd name="T45" fmla="*/ 90 h 243"/>
                  <a:gd name="T46" fmla="*/ 29 w 99"/>
                  <a:gd name="T47" fmla="*/ 58 h 243"/>
                  <a:gd name="T48" fmla="*/ 31 w 99"/>
                  <a:gd name="T49" fmla="*/ 42 h 243"/>
                  <a:gd name="T50" fmla="*/ 37 w 99"/>
                  <a:gd name="T51" fmla="*/ 28 h 243"/>
                  <a:gd name="T52" fmla="*/ 51 w 99"/>
                  <a:gd name="T53" fmla="*/ 10 h 243"/>
                  <a:gd name="T54" fmla="*/ 65 w 99"/>
                  <a:gd name="T55" fmla="*/ 10 h 243"/>
                  <a:gd name="T56" fmla="*/ 98 w 99"/>
                  <a:gd name="T57" fmla="*/ 33 h 243"/>
                  <a:gd name="T58" fmla="*/ 96 w 99"/>
                  <a:gd name="T59" fmla="*/ 25 h 24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99" h="243">
                    <a:moveTo>
                      <a:pt x="96" y="25"/>
                    </a:moveTo>
                    <a:lnTo>
                      <a:pt x="61" y="0"/>
                    </a:lnTo>
                    <a:lnTo>
                      <a:pt x="51" y="0"/>
                    </a:lnTo>
                    <a:lnTo>
                      <a:pt x="42" y="3"/>
                    </a:lnTo>
                    <a:lnTo>
                      <a:pt x="34" y="13"/>
                    </a:lnTo>
                    <a:lnTo>
                      <a:pt x="16" y="45"/>
                    </a:lnTo>
                    <a:lnTo>
                      <a:pt x="10" y="58"/>
                    </a:lnTo>
                    <a:lnTo>
                      <a:pt x="5" y="71"/>
                    </a:lnTo>
                    <a:lnTo>
                      <a:pt x="1" y="113"/>
                    </a:lnTo>
                    <a:lnTo>
                      <a:pt x="0" y="126"/>
                    </a:lnTo>
                    <a:lnTo>
                      <a:pt x="1" y="142"/>
                    </a:lnTo>
                    <a:lnTo>
                      <a:pt x="4" y="158"/>
                    </a:lnTo>
                    <a:lnTo>
                      <a:pt x="11" y="185"/>
                    </a:lnTo>
                    <a:lnTo>
                      <a:pt x="18" y="201"/>
                    </a:lnTo>
                    <a:lnTo>
                      <a:pt x="27" y="219"/>
                    </a:lnTo>
                    <a:lnTo>
                      <a:pt x="45" y="242"/>
                    </a:lnTo>
                    <a:lnTo>
                      <a:pt x="36" y="213"/>
                    </a:lnTo>
                    <a:lnTo>
                      <a:pt x="28" y="187"/>
                    </a:lnTo>
                    <a:lnTo>
                      <a:pt x="23" y="164"/>
                    </a:lnTo>
                    <a:lnTo>
                      <a:pt x="25" y="142"/>
                    </a:lnTo>
                    <a:lnTo>
                      <a:pt x="27" y="126"/>
                    </a:lnTo>
                    <a:lnTo>
                      <a:pt x="23" y="107"/>
                    </a:lnTo>
                    <a:lnTo>
                      <a:pt x="22" y="90"/>
                    </a:lnTo>
                    <a:lnTo>
                      <a:pt x="29" y="58"/>
                    </a:lnTo>
                    <a:lnTo>
                      <a:pt x="31" y="42"/>
                    </a:lnTo>
                    <a:lnTo>
                      <a:pt x="37" y="28"/>
                    </a:lnTo>
                    <a:lnTo>
                      <a:pt x="51" y="10"/>
                    </a:lnTo>
                    <a:lnTo>
                      <a:pt x="65" y="10"/>
                    </a:lnTo>
                    <a:lnTo>
                      <a:pt x="98" y="33"/>
                    </a:lnTo>
                    <a:lnTo>
                      <a:pt x="96" y="25"/>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1" name="Freeform 102"/>
              <p:cNvSpPr>
                <a:spLocks/>
              </p:cNvSpPr>
              <p:nvPr/>
            </p:nvSpPr>
            <p:spPr bwMode="ltGray">
              <a:xfrm>
                <a:off x="4901" y="3651"/>
                <a:ext cx="181" cy="262"/>
              </a:xfrm>
              <a:custGeom>
                <a:avLst/>
                <a:gdLst>
                  <a:gd name="T0" fmla="*/ 126 w 181"/>
                  <a:gd name="T1" fmla="*/ 261 h 262"/>
                  <a:gd name="T2" fmla="*/ 140 w 181"/>
                  <a:gd name="T3" fmla="*/ 216 h 262"/>
                  <a:gd name="T4" fmla="*/ 145 w 181"/>
                  <a:gd name="T5" fmla="*/ 197 h 262"/>
                  <a:gd name="T6" fmla="*/ 157 w 181"/>
                  <a:gd name="T7" fmla="*/ 173 h 262"/>
                  <a:gd name="T8" fmla="*/ 170 w 181"/>
                  <a:gd name="T9" fmla="*/ 151 h 262"/>
                  <a:gd name="T10" fmla="*/ 178 w 181"/>
                  <a:gd name="T11" fmla="*/ 137 h 262"/>
                  <a:gd name="T12" fmla="*/ 180 w 181"/>
                  <a:gd name="T13" fmla="*/ 124 h 262"/>
                  <a:gd name="T14" fmla="*/ 175 w 181"/>
                  <a:gd name="T15" fmla="*/ 104 h 262"/>
                  <a:gd name="T16" fmla="*/ 174 w 181"/>
                  <a:gd name="T17" fmla="*/ 85 h 262"/>
                  <a:gd name="T18" fmla="*/ 154 w 181"/>
                  <a:gd name="T19" fmla="*/ 35 h 262"/>
                  <a:gd name="T20" fmla="*/ 145 w 181"/>
                  <a:gd name="T21" fmla="*/ 23 h 262"/>
                  <a:gd name="T22" fmla="*/ 129 w 181"/>
                  <a:gd name="T23" fmla="*/ 10 h 262"/>
                  <a:gd name="T24" fmla="*/ 114 w 181"/>
                  <a:gd name="T25" fmla="*/ 2 h 262"/>
                  <a:gd name="T26" fmla="*/ 96 w 181"/>
                  <a:gd name="T27" fmla="*/ 0 h 262"/>
                  <a:gd name="T28" fmla="*/ 81 w 181"/>
                  <a:gd name="T29" fmla="*/ 5 h 262"/>
                  <a:gd name="T30" fmla="*/ 64 w 181"/>
                  <a:gd name="T31" fmla="*/ 10 h 262"/>
                  <a:gd name="T32" fmla="*/ 45 w 181"/>
                  <a:gd name="T33" fmla="*/ 26 h 262"/>
                  <a:gd name="T34" fmla="*/ 38 w 181"/>
                  <a:gd name="T35" fmla="*/ 37 h 262"/>
                  <a:gd name="T36" fmla="*/ 27 w 181"/>
                  <a:gd name="T37" fmla="*/ 52 h 262"/>
                  <a:gd name="T38" fmla="*/ 18 w 181"/>
                  <a:gd name="T39" fmla="*/ 66 h 262"/>
                  <a:gd name="T40" fmla="*/ 1 w 181"/>
                  <a:gd name="T41" fmla="*/ 135 h 262"/>
                  <a:gd name="T42" fmla="*/ 0 w 181"/>
                  <a:gd name="T43" fmla="*/ 148 h 262"/>
                  <a:gd name="T44" fmla="*/ 4 w 181"/>
                  <a:gd name="T45" fmla="*/ 170 h 262"/>
                  <a:gd name="T46" fmla="*/ 13 w 181"/>
                  <a:gd name="T47" fmla="*/ 235 h 262"/>
                  <a:gd name="T48" fmla="*/ 12 w 181"/>
                  <a:gd name="T49" fmla="*/ 171 h 262"/>
                  <a:gd name="T50" fmla="*/ 18 w 181"/>
                  <a:gd name="T51" fmla="*/ 144 h 262"/>
                  <a:gd name="T52" fmla="*/ 21 w 181"/>
                  <a:gd name="T53" fmla="*/ 127 h 262"/>
                  <a:gd name="T54" fmla="*/ 29 w 181"/>
                  <a:gd name="T55" fmla="*/ 104 h 262"/>
                  <a:gd name="T56" fmla="*/ 35 w 181"/>
                  <a:gd name="T57" fmla="*/ 82 h 262"/>
                  <a:gd name="T58" fmla="*/ 47 w 181"/>
                  <a:gd name="T59" fmla="*/ 59 h 262"/>
                  <a:gd name="T60" fmla="*/ 60 w 181"/>
                  <a:gd name="T61" fmla="*/ 39 h 262"/>
                  <a:gd name="T62" fmla="*/ 70 w 181"/>
                  <a:gd name="T63" fmla="*/ 21 h 262"/>
                  <a:gd name="T64" fmla="*/ 81 w 181"/>
                  <a:gd name="T65" fmla="*/ 10 h 262"/>
                  <a:gd name="T66" fmla="*/ 95 w 181"/>
                  <a:gd name="T67" fmla="*/ 6 h 262"/>
                  <a:gd name="T68" fmla="*/ 107 w 181"/>
                  <a:gd name="T69" fmla="*/ 10 h 262"/>
                  <a:gd name="T70" fmla="*/ 115 w 181"/>
                  <a:gd name="T71" fmla="*/ 19 h 262"/>
                  <a:gd name="T72" fmla="*/ 121 w 181"/>
                  <a:gd name="T73" fmla="*/ 37 h 262"/>
                  <a:gd name="T74" fmla="*/ 121 w 181"/>
                  <a:gd name="T75" fmla="*/ 50 h 262"/>
                  <a:gd name="T76" fmla="*/ 125 w 181"/>
                  <a:gd name="T77" fmla="*/ 74 h 262"/>
                  <a:gd name="T78" fmla="*/ 130 w 181"/>
                  <a:gd name="T79" fmla="*/ 89 h 262"/>
                  <a:gd name="T80" fmla="*/ 143 w 181"/>
                  <a:gd name="T81" fmla="*/ 112 h 262"/>
                  <a:gd name="T82" fmla="*/ 145 w 181"/>
                  <a:gd name="T83" fmla="*/ 124 h 262"/>
                  <a:gd name="T84" fmla="*/ 147 w 181"/>
                  <a:gd name="T85" fmla="*/ 136 h 262"/>
                  <a:gd name="T86" fmla="*/ 147 w 181"/>
                  <a:gd name="T87" fmla="*/ 153 h 262"/>
                  <a:gd name="T88" fmla="*/ 125 w 181"/>
                  <a:gd name="T89" fmla="*/ 212 h 262"/>
                  <a:gd name="T90" fmla="*/ 126 w 181"/>
                  <a:gd name="T91" fmla="*/ 261 h 26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181" h="262">
                    <a:moveTo>
                      <a:pt x="126" y="261"/>
                    </a:moveTo>
                    <a:lnTo>
                      <a:pt x="140" y="216"/>
                    </a:lnTo>
                    <a:lnTo>
                      <a:pt x="145" y="197"/>
                    </a:lnTo>
                    <a:lnTo>
                      <a:pt x="157" y="173"/>
                    </a:lnTo>
                    <a:lnTo>
                      <a:pt x="170" y="151"/>
                    </a:lnTo>
                    <a:lnTo>
                      <a:pt x="178" y="137"/>
                    </a:lnTo>
                    <a:lnTo>
                      <a:pt x="180" y="124"/>
                    </a:lnTo>
                    <a:lnTo>
                      <a:pt x="175" y="104"/>
                    </a:lnTo>
                    <a:lnTo>
                      <a:pt x="174" y="85"/>
                    </a:lnTo>
                    <a:lnTo>
                      <a:pt x="154" y="35"/>
                    </a:lnTo>
                    <a:lnTo>
                      <a:pt x="145" y="23"/>
                    </a:lnTo>
                    <a:lnTo>
                      <a:pt x="129" y="10"/>
                    </a:lnTo>
                    <a:lnTo>
                      <a:pt x="114" y="2"/>
                    </a:lnTo>
                    <a:lnTo>
                      <a:pt x="96" y="0"/>
                    </a:lnTo>
                    <a:lnTo>
                      <a:pt x="81" y="5"/>
                    </a:lnTo>
                    <a:lnTo>
                      <a:pt x="64" y="10"/>
                    </a:lnTo>
                    <a:lnTo>
                      <a:pt x="45" y="26"/>
                    </a:lnTo>
                    <a:lnTo>
                      <a:pt x="38" y="37"/>
                    </a:lnTo>
                    <a:lnTo>
                      <a:pt x="27" y="52"/>
                    </a:lnTo>
                    <a:lnTo>
                      <a:pt x="18" y="66"/>
                    </a:lnTo>
                    <a:lnTo>
                      <a:pt x="1" y="135"/>
                    </a:lnTo>
                    <a:lnTo>
                      <a:pt x="0" y="148"/>
                    </a:lnTo>
                    <a:lnTo>
                      <a:pt x="4" y="170"/>
                    </a:lnTo>
                    <a:lnTo>
                      <a:pt x="13" y="235"/>
                    </a:lnTo>
                    <a:lnTo>
                      <a:pt x="12" y="171"/>
                    </a:lnTo>
                    <a:lnTo>
                      <a:pt x="18" y="144"/>
                    </a:lnTo>
                    <a:lnTo>
                      <a:pt x="21" y="127"/>
                    </a:lnTo>
                    <a:lnTo>
                      <a:pt x="29" y="104"/>
                    </a:lnTo>
                    <a:lnTo>
                      <a:pt x="35" y="82"/>
                    </a:lnTo>
                    <a:lnTo>
                      <a:pt x="47" y="59"/>
                    </a:lnTo>
                    <a:lnTo>
                      <a:pt x="60" y="39"/>
                    </a:lnTo>
                    <a:lnTo>
                      <a:pt x="70" y="21"/>
                    </a:lnTo>
                    <a:lnTo>
                      <a:pt x="81" y="10"/>
                    </a:lnTo>
                    <a:lnTo>
                      <a:pt x="95" y="6"/>
                    </a:lnTo>
                    <a:lnTo>
                      <a:pt x="107" y="10"/>
                    </a:lnTo>
                    <a:lnTo>
                      <a:pt x="115" y="19"/>
                    </a:lnTo>
                    <a:lnTo>
                      <a:pt x="121" y="37"/>
                    </a:lnTo>
                    <a:lnTo>
                      <a:pt x="121" y="50"/>
                    </a:lnTo>
                    <a:lnTo>
                      <a:pt x="125" y="74"/>
                    </a:lnTo>
                    <a:lnTo>
                      <a:pt x="130" y="89"/>
                    </a:lnTo>
                    <a:lnTo>
                      <a:pt x="143" y="112"/>
                    </a:lnTo>
                    <a:lnTo>
                      <a:pt x="145" y="124"/>
                    </a:lnTo>
                    <a:lnTo>
                      <a:pt x="147" y="136"/>
                    </a:lnTo>
                    <a:lnTo>
                      <a:pt x="147" y="153"/>
                    </a:lnTo>
                    <a:lnTo>
                      <a:pt x="125" y="212"/>
                    </a:lnTo>
                    <a:lnTo>
                      <a:pt x="126" y="26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2" name="Freeform 103"/>
              <p:cNvSpPr>
                <a:spLocks/>
              </p:cNvSpPr>
              <p:nvPr/>
            </p:nvSpPr>
            <p:spPr bwMode="ltGray">
              <a:xfrm>
                <a:off x="4732" y="3948"/>
                <a:ext cx="149" cy="237"/>
              </a:xfrm>
              <a:custGeom>
                <a:avLst/>
                <a:gdLst>
                  <a:gd name="T0" fmla="*/ 144 w 149"/>
                  <a:gd name="T1" fmla="*/ 37 h 237"/>
                  <a:gd name="T2" fmla="*/ 114 w 149"/>
                  <a:gd name="T3" fmla="*/ 0 h 237"/>
                  <a:gd name="T4" fmla="*/ 94 w 149"/>
                  <a:gd name="T5" fmla="*/ 0 h 237"/>
                  <a:gd name="T6" fmla="*/ 77 w 149"/>
                  <a:gd name="T7" fmla="*/ 3 h 237"/>
                  <a:gd name="T8" fmla="*/ 63 w 149"/>
                  <a:gd name="T9" fmla="*/ 13 h 237"/>
                  <a:gd name="T10" fmla="*/ 30 w 149"/>
                  <a:gd name="T11" fmla="*/ 43 h 237"/>
                  <a:gd name="T12" fmla="*/ 19 w 149"/>
                  <a:gd name="T13" fmla="*/ 57 h 237"/>
                  <a:gd name="T14" fmla="*/ 10 w 149"/>
                  <a:gd name="T15" fmla="*/ 70 h 237"/>
                  <a:gd name="T16" fmla="*/ 3 w 149"/>
                  <a:gd name="T17" fmla="*/ 111 h 237"/>
                  <a:gd name="T18" fmla="*/ 0 w 149"/>
                  <a:gd name="T19" fmla="*/ 122 h 237"/>
                  <a:gd name="T20" fmla="*/ 3 w 149"/>
                  <a:gd name="T21" fmla="*/ 138 h 237"/>
                  <a:gd name="T22" fmla="*/ 8 w 149"/>
                  <a:gd name="T23" fmla="*/ 154 h 237"/>
                  <a:gd name="T24" fmla="*/ 22 w 149"/>
                  <a:gd name="T25" fmla="*/ 180 h 237"/>
                  <a:gd name="T26" fmla="*/ 33 w 149"/>
                  <a:gd name="T27" fmla="*/ 196 h 237"/>
                  <a:gd name="T28" fmla="*/ 49 w 149"/>
                  <a:gd name="T29" fmla="*/ 214 h 237"/>
                  <a:gd name="T30" fmla="*/ 83 w 149"/>
                  <a:gd name="T31" fmla="*/ 236 h 237"/>
                  <a:gd name="T32" fmla="*/ 66 w 149"/>
                  <a:gd name="T33" fmla="*/ 208 h 237"/>
                  <a:gd name="T34" fmla="*/ 52 w 149"/>
                  <a:gd name="T35" fmla="*/ 183 h 237"/>
                  <a:gd name="T36" fmla="*/ 43 w 149"/>
                  <a:gd name="T37" fmla="*/ 160 h 237"/>
                  <a:gd name="T38" fmla="*/ 47 w 149"/>
                  <a:gd name="T39" fmla="*/ 138 h 237"/>
                  <a:gd name="T40" fmla="*/ 49 w 149"/>
                  <a:gd name="T41" fmla="*/ 122 h 237"/>
                  <a:gd name="T42" fmla="*/ 43 w 149"/>
                  <a:gd name="T43" fmla="*/ 104 h 237"/>
                  <a:gd name="T44" fmla="*/ 41 w 149"/>
                  <a:gd name="T45" fmla="*/ 87 h 237"/>
                  <a:gd name="T46" fmla="*/ 55 w 149"/>
                  <a:gd name="T47" fmla="*/ 57 h 237"/>
                  <a:gd name="T48" fmla="*/ 57 w 149"/>
                  <a:gd name="T49" fmla="*/ 40 h 237"/>
                  <a:gd name="T50" fmla="*/ 69 w 149"/>
                  <a:gd name="T51" fmla="*/ 27 h 237"/>
                  <a:gd name="T52" fmla="*/ 94 w 149"/>
                  <a:gd name="T53" fmla="*/ 9 h 237"/>
                  <a:gd name="T54" fmla="*/ 105 w 149"/>
                  <a:gd name="T55" fmla="*/ 23 h 237"/>
                  <a:gd name="T56" fmla="*/ 148 w 149"/>
                  <a:gd name="T57" fmla="*/ 45 h 237"/>
                  <a:gd name="T58" fmla="*/ 144 w 149"/>
                  <a:gd name="T59" fmla="*/ 37 h 23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49" h="237">
                    <a:moveTo>
                      <a:pt x="144" y="37"/>
                    </a:moveTo>
                    <a:lnTo>
                      <a:pt x="114" y="0"/>
                    </a:lnTo>
                    <a:lnTo>
                      <a:pt x="94" y="0"/>
                    </a:lnTo>
                    <a:lnTo>
                      <a:pt x="77" y="3"/>
                    </a:lnTo>
                    <a:lnTo>
                      <a:pt x="63" y="13"/>
                    </a:lnTo>
                    <a:lnTo>
                      <a:pt x="30" y="43"/>
                    </a:lnTo>
                    <a:lnTo>
                      <a:pt x="19" y="57"/>
                    </a:lnTo>
                    <a:lnTo>
                      <a:pt x="10" y="70"/>
                    </a:lnTo>
                    <a:lnTo>
                      <a:pt x="3" y="111"/>
                    </a:lnTo>
                    <a:lnTo>
                      <a:pt x="0" y="122"/>
                    </a:lnTo>
                    <a:lnTo>
                      <a:pt x="3" y="138"/>
                    </a:lnTo>
                    <a:lnTo>
                      <a:pt x="8" y="154"/>
                    </a:lnTo>
                    <a:lnTo>
                      <a:pt x="22" y="180"/>
                    </a:lnTo>
                    <a:lnTo>
                      <a:pt x="33" y="196"/>
                    </a:lnTo>
                    <a:lnTo>
                      <a:pt x="49" y="214"/>
                    </a:lnTo>
                    <a:lnTo>
                      <a:pt x="83" y="236"/>
                    </a:lnTo>
                    <a:lnTo>
                      <a:pt x="66" y="208"/>
                    </a:lnTo>
                    <a:lnTo>
                      <a:pt x="52" y="183"/>
                    </a:lnTo>
                    <a:lnTo>
                      <a:pt x="43" y="160"/>
                    </a:lnTo>
                    <a:lnTo>
                      <a:pt x="47" y="138"/>
                    </a:lnTo>
                    <a:lnTo>
                      <a:pt x="49" y="122"/>
                    </a:lnTo>
                    <a:lnTo>
                      <a:pt x="43" y="104"/>
                    </a:lnTo>
                    <a:lnTo>
                      <a:pt x="41" y="87"/>
                    </a:lnTo>
                    <a:lnTo>
                      <a:pt x="55" y="57"/>
                    </a:lnTo>
                    <a:lnTo>
                      <a:pt x="57" y="40"/>
                    </a:lnTo>
                    <a:lnTo>
                      <a:pt x="69" y="27"/>
                    </a:lnTo>
                    <a:lnTo>
                      <a:pt x="94" y="9"/>
                    </a:lnTo>
                    <a:lnTo>
                      <a:pt x="105" y="23"/>
                    </a:lnTo>
                    <a:lnTo>
                      <a:pt x="148" y="45"/>
                    </a:lnTo>
                    <a:lnTo>
                      <a:pt x="144" y="37"/>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3" name="Freeform 104"/>
              <p:cNvSpPr>
                <a:spLocks/>
              </p:cNvSpPr>
              <p:nvPr/>
            </p:nvSpPr>
            <p:spPr bwMode="ltGray">
              <a:xfrm>
                <a:off x="4907" y="4027"/>
                <a:ext cx="152" cy="161"/>
              </a:xfrm>
              <a:custGeom>
                <a:avLst/>
                <a:gdLst>
                  <a:gd name="T0" fmla="*/ 3 w 152"/>
                  <a:gd name="T1" fmla="*/ 25 h 161"/>
                  <a:gd name="T2" fmla="*/ 34 w 152"/>
                  <a:gd name="T3" fmla="*/ 0 h 161"/>
                  <a:gd name="T4" fmla="*/ 54 w 152"/>
                  <a:gd name="T5" fmla="*/ 0 h 161"/>
                  <a:gd name="T6" fmla="*/ 72 w 152"/>
                  <a:gd name="T7" fmla="*/ 2 h 161"/>
                  <a:gd name="T8" fmla="*/ 85 w 152"/>
                  <a:gd name="T9" fmla="*/ 9 h 161"/>
                  <a:gd name="T10" fmla="*/ 120 w 152"/>
                  <a:gd name="T11" fmla="*/ 29 h 161"/>
                  <a:gd name="T12" fmla="*/ 131 w 152"/>
                  <a:gd name="T13" fmla="*/ 38 h 161"/>
                  <a:gd name="T14" fmla="*/ 139 w 152"/>
                  <a:gd name="T15" fmla="*/ 47 h 161"/>
                  <a:gd name="T16" fmla="*/ 147 w 152"/>
                  <a:gd name="T17" fmla="*/ 75 h 161"/>
                  <a:gd name="T18" fmla="*/ 151 w 152"/>
                  <a:gd name="T19" fmla="*/ 83 h 161"/>
                  <a:gd name="T20" fmla="*/ 147 w 152"/>
                  <a:gd name="T21" fmla="*/ 94 h 161"/>
                  <a:gd name="T22" fmla="*/ 142 w 152"/>
                  <a:gd name="T23" fmla="*/ 104 h 161"/>
                  <a:gd name="T24" fmla="*/ 128 w 152"/>
                  <a:gd name="T25" fmla="*/ 122 h 161"/>
                  <a:gd name="T26" fmla="*/ 116 w 152"/>
                  <a:gd name="T27" fmla="*/ 133 h 161"/>
                  <a:gd name="T28" fmla="*/ 100 w 152"/>
                  <a:gd name="T29" fmla="*/ 145 h 161"/>
                  <a:gd name="T30" fmla="*/ 65 w 152"/>
                  <a:gd name="T31" fmla="*/ 160 h 161"/>
                  <a:gd name="T32" fmla="*/ 82 w 152"/>
                  <a:gd name="T33" fmla="*/ 141 h 161"/>
                  <a:gd name="T34" fmla="*/ 97 w 152"/>
                  <a:gd name="T35" fmla="*/ 124 h 161"/>
                  <a:gd name="T36" fmla="*/ 106 w 152"/>
                  <a:gd name="T37" fmla="*/ 108 h 161"/>
                  <a:gd name="T38" fmla="*/ 102 w 152"/>
                  <a:gd name="T39" fmla="*/ 94 h 161"/>
                  <a:gd name="T40" fmla="*/ 100 w 152"/>
                  <a:gd name="T41" fmla="*/ 83 h 161"/>
                  <a:gd name="T42" fmla="*/ 106 w 152"/>
                  <a:gd name="T43" fmla="*/ 70 h 161"/>
                  <a:gd name="T44" fmla="*/ 108 w 152"/>
                  <a:gd name="T45" fmla="*/ 59 h 161"/>
                  <a:gd name="T46" fmla="*/ 94 w 152"/>
                  <a:gd name="T47" fmla="*/ 38 h 161"/>
                  <a:gd name="T48" fmla="*/ 91 w 152"/>
                  <a:gd name="T49" fmla="*/ 27 h 161"/>
                  <a:gd name="T50" fmla="*/ 79 w 152"/>
                  <a:gd name="T51" fmla="*/ 18 h 161"/>
                  <a:gd name="T52" fmla="*/ 54 w 152"/>
                  <a:gd name="T53" fmla="*/ 6 h 161"/>
                  <a:gd name="T54" fmla="*/ 43 w 152"/>
                  <a:gd name="T55" fmla="*/ 15 h 161"/>
                  <a:gd name="T56" fmla="*/ 0 w 152"/>
                  <a:gd name="T57" fmla="*/ 30 h 161"/>
                  <a:gd name="T58" fmla="*/ 3 w 152"/>
                  <a:gd name="T59" fmla="*/ 25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52" h="161">
                    <a:moveTo>
                      <a:pt x="3" y="25"/>
                    </a:moveTo>
                    <a:lnTo>
                      <a:pt x="34" y="0"/>
                    </a:lnTo>
                    <a:lnTo>
                      <a:pt x="54" y="0"/>
                    </a:lnTo>
                    <a:lnTo>
                      <a:pt x="72" y="2"/>
                    </a:lnTo>
                    <a:lnTo>
                      <a:pt x="85" y="9"/>
                    </a:lnTo>
                    <a:lnTo>
                      <a:pt x="120" y="29"/>
                    </a:lnTo>
                    <a:lnTo>
                      <a:pt x="131" y="38"/>
                    </a:lnTo>
                    <a:lnTo>
                      <a:pt x="139" y="47"/>
                    </a:lnTo>
                    <a:lnTo>
                      <a:pt x="147" y="75"/>
                    </a:lnTo>
                    <a:lnTo>
                      <a:pt x="151" y="83"/>
                    </a:lnTo>
                    <a:lnTo>
                      <a:pt x="147" y="94"/>
                    </a:lnTo>
                    <a:lnTo>
                      <a:pt x="142" y="104"/>
                    </a:lnTo>
                    <a:lnTo>
                      <a:pt x="128" y="122"/>
                    </a:lnTo>
                    <a:lnTo>
                      <a:pt x="116" y="133"/>
                    </a:lnTo>
                    <a:lnTo>
                      <a:pt x="100" y="145"/>
                    </a:lnTo>
                    <a:lnTo>
                      <a:pt x="65" y="160"/>
                    </a:lnTo>
                    <a:lnTo>
                      <a:pt x="82" y="141"/>
                    </a:lnTo>
                    <a:lnTo>
                      <a:pt x="97" y="124"/>
                    </a:lnTo>
                    <a:lnTo>
                      <a:pt x="106" y="108"/>
                    </a:lnTo>
                    <a:lnTo>
                      <a:pt x="102" y="94"/>
                    </a:lnTo>
                    <a:lnTo>
                      <a:pt x="100" y="83"/>
                    </a:lnTo>
                    <a:lnTo>
                      <a:pt x="106" y="70"/>
                    </a:lnTo>
                    <a:lnTo>
                      <a:pt x="108" y="59"/>
                    </a:lnTo>
                    <a:lnTo>
                      <a:pt x="94" y="38"/>
                    </a:lnTo>
                    <a:lnTo>
                      <a:pt x="91" y="27"/>
                    </a:lnTo>
                    <a:lnTo>
                      <a:pt x="79" y="18"/>
                    </a:lnTo>
                    <a:lnTo>
                      <a:pt x="54" y="6"/>
                    </a:lnTo>
                    <a:lnTo>
                      <a:pt x="43" y="15"/>
                    </a:lnTo>
                    <a:lnTo>
                      <a:pt x="0" y="30"/>
                    </a:lnTo>
                    <a:lnTo>
                      <a:pt x="3" y="25"/>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4" name="Freeform 105"/>
              <p:cNvSpPr>
                <a:spLocks/>
              </p:cNvSpPr>
              <p:nvPr/>
            </p:nvSpPr>
            <p:spPr bwMode="ltGray">
              <a:xfrm>
                <a:off x="5250" y="3351"/>
                <a:ext cx="288" cy="365"/>
              </a:xfrm>
              <a:custGeom>
                <a:avLst/>
                <a:gdLst>
                  <a:gd name="T0" fmla="*/ 270 w 288"/>
                  <a:gd name="T1" fmla="*/ 8 h 365"/>
                  <a:gd name="T2" fmla="*/ 268 w 288"/>
                  <a:gd name="T3" fmla="*/ 0 h 365"/>
                  <a:gd name="T4" fmla="*/ 248 w 288"/>
                  <a:gd name="T5" fmla="*/ 3 h 365"/>
                  <a:gd name="T6" fmla="*/ 236 w 288"/>
                  <a:gd name="T7" fmla="*/ 13 h 365"/>
                  <a:gd name="T8" fmla="*/ 8 w 288"/>
                  <a:gd name="T9" fmla="*/ 79 h 365"/>
                  <a:gd name="T10" fmla="*/ 211 w 288"/>
                  <a:gd name="T11" fmla="*/ 32 h 365"/>
                  <a:gd name="T12" fmla="*/ 213 w 288"/>
                  <a:gd name="T13" fmla="*/ 41 h 365"/>
                  <a:gd name="T14" fmla="*/ 114 w 288"/>
                  <a:gd name="T15" fmla="*/ 98 h 365"/>
                  <a:gd name="T16" fmla="*/ 237 w 288"/>
                  <a:gd name="T17" fmla="*/ 52 h 365"/>
                  <a:gd name="T18" fmla="*/ 222 w 288"/>
                  <a:gd name="T19" fmla="*/ 71 h 365"/>
                  <a:gd name="T20" fmla="*/ 182 w 288"/>
                  <a:gd name="T21" fmla="*/ 102 h 365"/>
                  <a:gd name="T22" fmla="*/ 62 w 288"/>
                  <a:gd name="T23" fmla="*/ 186 h 365"/>
                  <a:gd name="T24" fmla="*/ 67 w 288"/>
                  <a:gd name="T25" fmla="*/ 179 h 365"/>
                  <a:gd name="T26" fmla="*/ 145 w 288"/>
                  <a:gd name="T27" fmla="*/ 127 h 365"/>
                  <a:gd name="T28" fmla="*/ 207 w 288"/>
                  <a:gd name="T29" fmla="*/ 87 h 365"/>
                  <a:gd name="T30" fmla="*/ 236 w 288"/>
                  <a:gd name="T31" fmla="*/ 68 h 365"/>
                  <a:gd name="T32" fmla="*/ 240 w 288"/>
                  <a:gd name="T33" fmla="*/ 74 h 365"/>
                  <a:gd name="T34" fmla="*/ 207 w 288"/>
                  <a:gd name="T35" fmla="*/ 100 h 365"/>
                  <a:gd name="T36" fmla="*/ 158 w 288"/>
                  <a:gd name="T37" fmla="*/ 135 h 365"/>
                  <a:gd name="T38" fmla="*/ 222 w 288"/>
                  <a:gd name="T39" fmla="*/ 87 h 365"/>
                  <a:gd name="T40" fmla="*/ 240 w 288"/>
                  <a:gd name="T41" fmla="*/ 74 h 365"/>
                  <a:gd name="T42" fmla="*/ 243 w 288"/>
                  <a:gd name="T43" fmla="*/ 88 h 365"/>
                  <a:gd name="T44" fmla="*/ 222 w 288"/>
                  <a:gd name="T45" fmla="*/ 112 h 365"/>
                  <a:gd name="T46" fmla="*/ 158 w 288"/>
                  <a:gd name="T47" fmla="*/ 144 h 365"/>
                  <a:gd name="T48" fmla="*/ 105 w 288"/>
                  <a:gd name="T49" fmla="*/ 173 h 365"/>
                  <a:gd name="T50" fmla="*/ 167 w 288"/>
                  <a:gd name="T51" fmla="*/ 144 h 365"/>
                  <a:gd name="T52" fmla="*/ 231 w 288"/>
                  <a:gd name="T53" fmla="*/ 109 h 365"/>
                  <a:gd name="T54" fmla="*/ 228 w 288"/>
                  <a:gd name="T55" fmla="*/ 121 h 365"/>
                  <a:gd name="T56" fmla="*/ 231 w 288"/>
                  <a:gd name="T57" fmla="*/ 141 h 365"/>
                  <a:gd name="T58" fmla="*/ 221 w 288"/>
                  <a:gd name="T59" fmla="*/ 151 h 365"/>
                  <a:gd name="T60" fmla="*/ 169 w 288"/>
                  <a:gd name="T61" fmla="*/ 180 h 365"/>
                  <a:gd name="T62" fmla="*/ 71 w 288"/>
                  <a:gd name="T63" fmla="*/ 227 h 365"/>
                  <a:gd name="T64" fmla="*/ 86 w 288"/>
                  <a:gd name="T65" fmla="*/ 217 h 365"/>
                  <a:gd name="T66" fmla="*/ 207 w 288"/>
                  <a:gd name="T67" fmla="*/ 160 h 365"/>
                  <a:gd name="T68" fmla="*/ 245 w 288"/>
                  <a:gd name="T69" fmla="*/ 135 h 365"/>
                  <a:gd name="T70" fmla="*/ 148 w 288"/>
                  <a:gd name="T71" fmla="*/ 209 h 365"/>
                  <a:gd name="T72" fmla="*/ 244 w 288"/>
                  <a:gd name="T73" fmla="*/ 158 h 365"/>
                  <a:gd name="T74" fmla="*/ 241 w 288"/>
                  <a:gd name="T75" fmla="*/ 178 h 365"/>
                  <a:gd name="T76" fmla="*/ 193 w 288"/>
                  <a:gd name="T77" fmla="*/ 227 h 365"/>
                  <a:gd name="T78" fmla="*/ 111 w 288"/>
                  <a:gd name="T79" fmla="*/ 261 h 365"/>
                  <a:gd name="T80" fmla="*/ 33 w 288"/>
                  <a:gd name="T81" fmla="*/ 293 h 365"/>
                  <a:gd name="T82" fmla="*/ 149 w 288"/>
                  <a:gd name="T83" fmla="*/ 249 h 365"/>
                  <a:gd name="T84" fmla="*/ 197 w 288"/>
                  <a:gd name="T85" fmla="*/ 224 h 365"/>
                  <a:gd name="T86" fmla="*/ 240 w 288"/>
                  <a:gd name="T87" fmla="*/ 186 h 365"/>
                  <a:gd name="T88" fmla="*/ 236 w 288"/>
                  <a:gd name="T89" fmla="*/ 203 h 365"/>
                  <a:gd name="T90" fmla="*/ 233 w 288"/>
                  <a:gd name="T91" fmla="*/ 219 h 365"/>
                  <a:gd name="T92" fmla="*/ 236 w 288"/>
                  <a:gd name="T93" fmla="*/ 236 h 365"/>
                  <a:gd name="T94" fmla="*/ 193 w 288"/>
                  <a:gd name="T95" fmla="*/ 267 h 365"/>
                  <a:gd name="T96" fmla="*/ 113 w 288"/>
                  <a:gd name="T97" fmla="*/ 296 h 365"/>
                  <a:gd name="T98" fmla="*/ 118 w 288"/>
                  <a:gd name="T99" fmla="*/ 294 h 365"/>
                  <a:gd name="T100" fmla="*/ 217 w 288"/>
                  <a:gd name="T101" fmla="*/ 255 h 365"/>
                  <a:gd name="T102" fmla="*/ 212 w 288"/>
                  <a:gd name="T103" fmla="*/ 265 h 365"/>
                  <a:gd name="T104" fmla="*/ 217 w 288"/>
                  <a:gd name="T105" fmla="*/ 270 h 365"/>
                  <a:gd name="T106" fmla="*/ 222 w 288"/>
                  <a:gd name="T107" fmla="*/ 280 h 365"/>
                  <a:gd name="T108" fmla="*/ 173 w 288"/>
                  <a:gd name="T109" fmla="*/ 309 h 365"/>
                  <a:gd name="T110" fmla="*/ 120 w 288"/>
                  <a:gd name="T111" fmla="*/ 315 h 365"/>
                  <a:gd name="T112" fmla="*/ 217 w 288"/>
                  <a:gd name="T113" fmla="*/ 289 h 365"/>
                  <a:gd name="T114" fmla="*/ 212 w 288"/>
                  <a:gd name="T115" fmla="*/ 304 h 365"/>
                  <a:gd name="T116" fmla="*/ 218 w 288"/>
                  <a:gd name="T117" fmla="*/ 312 h 365"/>
                  <a:gd name="T118" fmla="*/ 105 w 288"/>
                  <a:gd name="T119" fmla="*/ 364 h 365"/>
                  <a:gd name="T120" fmla="*/ 212 w 288"/>
                  <a:gd name="T121" fmla="*/ 325 h 365"/>
                  <a:gd name="T122" fmla="*/ 235 w 288"/>
                  <a:gd name="T123" fmla="*/ 311 h 365"/>
                  <a:gd name="T124" fmla="*/ 249 w 288"/>
                  <a:gd name="T125" fmla="*/ 298 h 36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288" h="365">
                    <a:moveTo>
                      <a:pt x="266" y="28"/>
                    </a:moveTo>
                    <a:lnTo>
                      <a:pt x="270" y="8"/>
                    </a:lnTo>
                    <a:lnTo>
                      <a:pt x="287" y="6"/>
                    </a:lnTo>
                    <a:lnTo>
                      <a:pt x="268" y="0"/>
                    </a:lnTo>
                    <a:lnTo>
                      <a:pt x="260" y="0"/>
                    </a:lnTo>
                    <a:lnTo>
                      <a:pt x="248" y="3"/>
                    </a:lnTo>
                    <a:lnTo>
                      <a:pt x="247" y="9"/>
                    </a:lnTo>
                    <a:lnTo>
                      <a:pt x="236" y="13"/>
                    </a:lnTo>
                    <a:lnTo>
                      <a:pt x="139" y="65"/>
                    </a:lnTo>
                    <a:lnTo>
                      <a:pt x="8" y="79"/>
                    </a:lnTo>
                    <a:lnTo>
                      <a:pt x="138" y="64"/>
                    </a:lnTo>
                    <a:lnTo>
                      <a:pt x="211" y="32"/>
                    </a:lnTo>
                    <a:lnTo>
                      <a:pt x="236" y="28"/>
                    </a:lnTo>
                    <a:lnTo>
                      <a:pt x="213" y="41"/>
                    </a:lnTo>
                    <a:lnTo>
                      <a:pt x="236" y="42"/>
                    </a:lnTo>
                    <a:lnTo>
                      <a:pt x="114" y="98"/>
                    </a:lnTo>
                    <a:lnTo>
                      <a:pt x="197" y="63"/>
                    </a:lnTo>
                    <a:lnTo>
                      <a:pt x="237" y="52"/>
                    </a:lnTo>
                    <a:lnTo>
                      <a:pt x="236" y="60"/>
                    </a:lnTo>
                    <a:lnTo>
                      <a:pt x="222" y="71"/>
                    </a:lnTo>
                    <a:lnTo>
                      <a:pt x="211" y="81"/>
                    </a:lnTo>
                    <a:lnTo>
                      <a:pt x="182" y="102"/>
                    </a:lnTo>
                    <a:lnTo>
                      <a:pt x="129" y="141"/>
                    </a:lnTo>
                    <a:lnTo>
                      <a:pt x="62" y="186"/>
                    </a:lnTo>
                    <a:lnTo>
                      <a:pt x="9" y="217"/>
                    </a:lnTo>
                    <a:lnTo>
                      <a:pt x="67" y="179"/>
                    </a:lnTo>
                    <a:lnTo>
                      <a:pt x="101" y="156"/>
                    </a:lnTo>
                    <a:lnTo>
                      <a:pt x="145" y="127"/>
                    </a:lnTo>
                    <a:lnTo>
                      <a:pt x="168" y="109"/>
                    </a:lnTo>
                    <a:lnTo>
                      <a:pt x="207" y="87"/>
                    </a:lnTo>
                    <a:lnTo>
                      <a:pt x="222" y="78"/>
                    </a:lnTo>
                    <a:lnTo>
                      <a:pt x="236" y="68"/>
                    </a:lnTo>
                    <a:lnTo>
                      <a:pt x="228" y="70"/>
                    </a:lnTo>
                    <a:lnTo>
                      <a:pt x="240" y="74"/>
                    </a:lnTo>
                    <a:lnTo>
                      <a:pt x="226" y="81"/>
                    </a:lnTo>
                    <a:lnTo>
                      <a:pt x="207" y="100"/>
                    </a:lnTo>
                    <a:lnTo>
                      <a:pt x="185" y="120"/>
                    </a:lnTo>
                    <a:lnTo>
                      <a:pt x="158" y="135"/>
                    </a:lnTo>
                    <a:lnTo>
                      <a:pt x="202" y="102"/>
                    </a:lnTo>
                    <a:lnTo>
                      <a:pt x="222" y="87"/>
                    </a:lnTo>
                    <a:lnTo>
                      <a:pt x="236" y="74"/>
                    </a:lnTo>
                    <a:lnTo>
                      <a:pt x="240" y="74"/>
                    </a:lnTo>
                    <a:lnTo>
                      <a:pt x="230" y="93"/>
                    </a:lnTo>
                    <a:lnTo>
                      <a:pt x="243" y="88"/>
                    </a:lnTo>
                    <a:lnTo>
                      <a:pt x="236" y="100"/>
                    </a:lnTo>
                    <a:lnTo>
                      <a:pt x="222" y="112"/>
                    </a:lnTo>
                    <a:lnTo>
                      <a:pt x="193" y="131"/>
                    </a:lnTo>
                    <a:lnTo>
                      <a:pt x="158" y="144"/>
                    </a:lnTo>
                    <a:lnTo>
                      <a:pt x="129" y="160"/>
                    </a:lnTo>
                    <a:lnTo>
                      <a:pt x="105" y="173"/>
                    </a:lnTo>
                    <a:lnTo>
                      <a:pt x="120" y="167"/>
                    </a:lnTo>
                    <a:lnTo>
                      <a:pt x="167" y="144"/>
                    </a:lnTo>
                    <a:lnTo>
                      <a:pt x="222" y="116"/>
                    </a:lnTo>
                    <a:lnTo>
                      <a:pt x="231" y="109"/>
                    </a:lnTo>
                    <a:lnTo>
                      <a:pt x="240" y="100"/>
                    </a:lnTo>
                    <a:lnTo>
                      <a:pt x="228" y="121"/>
                    </a:lnTo>
                    <a:lnTo>
                      <a:pt x="249" y="113"/>
                    </a:lnTo>
                    <a:lnTo>
                      <a:pt x="231" y="141"/>
                    </a:lnTo>
                    <a:lnTo>
                      <a:pt x="226" y="147"/>
                    </a:lnTo>
                    <a:lnTo>
                      <a:pt x="221" y="151"/>
                    </a:lnTo>
                    <a:lnTo>
                      <a:pt x="196" y="166"/>
                    </a:lnTo>
                    <a:lnTo>
                      <a:pt x="169" y="180"/>
                    </a:lnTo>
                    <a:lnTo>
                      <a:pt x="119" y="205"/>
                    </a:lnTo>
                    <a:lnTo>
                      <a:pt x="71" y="227"/>
                    </a:lnTo>
                    <a:lnTo>
                      <a:pt x="0" y="258"/>
                    </a:lnTo>
                    <a:lnTo>
                      <a:pt x="86" y="217"/>
                    </a:lnTo>
                    <a:lnTo>
                      <a:pt x="173" y="176"/>
                    </a:lnTo>
                    <a:lnTo>
                      <a:pt x="207" y="160"/>
                    </a:lnTo>
                    <a:lnTo>
                      <a:pt x="228" y="143"/>
                    </a:lnTo>
                    <a:lnTo>
                      <a:pt x="245" y="135"/>
                    </a:lnTo>
                    <a:lnTo>
                      <a:pt x="248" y="136"/>
                    </a:lnTo>
                    <a:lnTo>
                      <a:pt x="148" y="209"/>
                    </a:lnTo>
                    <a:lnTo>
                      <a:pt x="225" y="159"/>
                    </a:lnTo>
                    <a:lnTo>
                      <a:pt x="244" y="158"/>
                    </a:lnTo>
                    <a:lnTo>
                      <a:pt x="222" y="184"/>
                    </a:lnTo>
                    <a:lnTo>
                      <a:pt x="241" y="178"/>
                    </a:lnTo>
                    <a:lnTo>
                      <a:pt x="212" y="208"/>
                    </a:lnTo>
                    <a:lnTo>
                      <a:pt x="193" y="227"/>
                    </a:lnTo>
                    <a:lnTo>
                      <a:pt x="158" y="242"/>
                    </a:lnTo>
                    <a:lnTo>
                      <a:pt x="111" y="261"/>
                    </a:lnTo>
                    <a:lnTo>
                      <a:pt x="67" y="280"/>
                    </a:lnTo>
                    <a:lnTo>
                      <a:pt x="33" y="293"/>
                    </a:lnTo>
                    <a:lnTo>
                      <a:pt x="9" y="299"/>
                    </a:lnTo>
                    <a:lnTo>
                      <a:pt x="149" y="249"/>
                    </a:lnTo>
                    <a:lnTo>
                      <a:pt x="181" y="234"/>
                    </a:lnTo>
                    <a:lnTo>
                      <a:pt x="197" y="224"/>
                    </a:lnTo>
                    <a:lnTo>
                      <a:pt x="219" y="205"/>
                    </a:lnTo>
                    <a:lnTo>
                      <a:pt x="240" y="186"/>
                    </a:lnTo>
                    <a:lnTo>
                      <a:pt x="218" y="212"/>
                    </a:lnTo>
                    <a:lnTo>
                      <a:pt x="236" y="203"/>
                    </a:lnTo>
                    <a:lnTo>
                      <a:pt x="217" y="224"/>
                    </a:lnTo>
                    <a:lnTo>
                      <a:pt x="233" y="219"/>
                    </a:lnTo>
                    <a:lnTo>
                      <a:pt x="215" y="244"/>
                    </a:lnTo>
                    <a:lnTo>
                      <a:pt x="236" y="236"/>
                    </a:lnTo>
                    <a:lnTo>
                      <a:pt x="217" y="249"/>
                    </a:lnTo>
                    <a:lnTo>
                      <a:pt x="193" y="267"/>
                    </a:lnTo>
                    <a:lnTo>
                      <a:pt x="173" y="273"/>
                    </a:lnTo>
                    <a:lnTo>
                      <a:pt x="113" y="296"/>
                    </a:lnTo>
                    <a:lnTo>
                      <a:pt x="58" y="309"/>
                    </a:lnTo>
                    <a:lnTo>
                      <a:pt x="118" y="294"/>
                    </a:lnTo>
                    <a:lnTo>
                      <a:pt x="168" y="274"/>
                    </a:lnTo>
                    <a:lnTo>
                      <a:pt x="217" y="255"/>
                    </a:lnTo>
                    <a:lnTo>
                      <a:pt x="231" y="246"/>
                    </a:lnTo>
                    <a:lnTo>
                      <a:pt x="212" y="265"/>
                    </a:lnTo>
                    <a:lnTo>
                      <a:pt x="226" y="261"/>
                    </a:lnTo>
                    <a:lnTo>
                      <a:pt x="217" y="270"/>
                    </a:lnTo>
                    <a:lnTo>
                      <a:pt x="212" y="284"/>
                    </a:lnTo>
                    <a:lnTo>
                      <a:pt x="222" y="280"/>
                    </a:lnTo>
                    <a:lnTo>
                      <a:pt x="209" y="291"/>
                    </a:lnTo>
                    <a:lnTo>
                      <a:pt x="173" y="309"/>
                    </a:lnTo>
                    <a:lnTo>
                      <a:pt x="149" y="312"/>
                    </a:lnTo>
                    <a:lnTo>
                      <a:pt x="120" y="315"/>
                    </a:lnTo>
                    <a:lnTo>
                      <a:pt x="178" y="306"/>
                    </a:lnTo>
                    <a:lnTo>
                      <a:pt x="217" y="289"/>
                    </a:lnTo>
                    <a:lnTo>
                      <a:pt x="226" y="277"/>
                    </a:lnTo>
                    <a:lnTo>
                      <a:pt x="212" y="304"/>
                    </a:lnTo>
                    <a:lnTo>
                      <a:pt x="228" y="298"/>
                    </a:lnTo>
                    <a:lnTo>
                      <a:pt x="218" y="312"/>
                    </a:lnTo>
                    <a:lnTo>
                      <a:pt x="202" y="332"/>
                    </a:lnTo>
                    <a:lnTo>
                      <a:pt x="105" y="364"/>
                    </a:lnTo>
                    <a:lnTo>
                      <a:pt x="203" y="335"/>
                    </a:lnTo>
                    <a:lnTo>
                      <a:pt x="212" y="325"/>
                    </a:lnTo>
                    <a:lnTo>
                      <a:pt x="218" y="318"/>
                    </a:lnTo>
                    <a:lnTo>
                      <a:pt x="235" y="311"/>
                    </a:lnTo>
                    <a:lnTo>
                      <a:pt x="245" y="326"/>
                    </a:lnTo>
                    <a:lnTo>
                      <a:pt x="249" y="298"/>
                    </a:lnTo>
                    <a:lnTo>
                      <a:pt x="266" y="28"/>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5" name="Freeform 106"/>
              <p:cNvSpPr>
                <a:spLocks/>
              </p:cNvSpPr>
              <p:nvPr/>
            </p:nvSpPr>
            <p:spPr bwMode="ltGray">
              <a:xfrm>
                <a:off x="4803" y="3748"/>
                <a:ext cx="255" cy="271"/>
              </a:xfrm>
              <a:custGeom>
                <a:avLst/>
                <a:gdLst>
                  <a:gd name="T0" fmla="*/ 116 w 255"/>
                  <a:gd name="T1" fmla="*/ 7 h 271"/>
                  <a:gd name="T2" fmla="*/ 18 w 255"/>
                  <a:gd name="T3" fmla="*/ 12 h 271"/>
                  <a:gd name="T4" fmla="*/ 108 w 255"/>
                  <a:gd name="T5" fmla="*/ 12 h 271"/>
                  <a:gd name="T6" fmla="*/ 94 w 255"/>
                  <a:gd name="T7" fmla="*/ 23 h 271"/>
                  <a:gd name="T8" fmla="*/ 94 w 255"/>
                  <a:gd name="T9" fmla="*/ 28 h 271"/>
                  <a:gd name="T10" fmla="*/ 50 w 255"/>
                  <a:gd name="T11" fmla="*/ 40 h 271"/>
                  <a:gd name="T12" fmla="*/ 83 w 255"/>
                  <a:gd name="T13" fmla="*/ 36 h 271"/>
                  <a:gd name="T14" fmla="*/ 83 w 255"/>
                  <a:gd name="T15" fmla="*/ 42 h 271"/>
                  <a:gd name="T16" fmla="*/ 90 w 255"/>
                  <a:gd name="T17" fmla="*/ 45 h 271"/>
                  <a:gd name="T18" fmla="*/ 10 w 255"/>
                  <a:gd name="T19" fmla="*/ 73 h 271"/>
                  <a:gd name="T20" fmla="*/ 86 w 255"/>
                  <a:gd name="T21" fmla="*/ 59 h 271"/>
                  <a:gd name="T22" fmla="*/ 68 w 255"/>
                  <a:gd name="T23" fmla="*/ 78 h 271"/>
                  <a:gd name="T24" fmla="*/ 10 w 255"/>
                  <a:gd name="T25" fmla="*/ 90 h 271"/>
                  <a:gd name="T26" fmla="*/ 72 w 255"/>
                  <a:gd name="T27" fmla="*/ 80 h 271"/>
                  <a:gd name="T28" fmla="*/ 25 w 255"/>
                  <a:gd name="T29" fmla="*/ 102 h 271"/>
                  <a:gd name="T30" fmla="*/ 53 w 255"/>
                  <a:gd name="T31" fmla="*/ 92 h 271"/>
                  <a:gd name="T32" fmla="*/ 72 w 255"/>
                  <a:gd name="T33" fmla="*/ 90 h 271"/>
                  <a:gd name="T34" fmla="*/ 72 w 255"/>
                  <a:gd name="T35" fmla="*/ 97 h 271"/>
                  <a:gd name="T36" fmla="*/ 61 w 255"/>
                  <a:gd name="T37" fmla="*/ 111 h 271"/>
                  <a:gd name="T38" fmla="*/ 6 w 255"/>
                  <a:gd name="T39" fmla="*/ 127 h 271"/>
                  <a:gd name="T40" fmla="*/ 68 w 255"/>
                  <a:gd name="T41" fmla="*/ 113 h 271"/>
                  <a:gd name="T42" fmla="*/ 57 w 255"/>
                  <a:gd name="T43" fmla="*/ 132 h 271"/>
                  <a:gd name="T44" fmla="*/ 43 w 255"/>
                  <a:gd name="T45" fmla="*/ 144 h 271"/>
                  <a:gd name="T46" fmla="*/ 50 w 255"/>
                  <a:gd name="T47" fmla="*/ 144 h 271"/>
                  <a:gd name="T48" fmla="*/ 50 w 255"/>
                  <a:gd name="T49" fmla="*/ 151 h 271"/>
                  <a:gd name="T50" fmla="*/ 10 w 255"/>
                  <a:gd name="T51" fmla="*/ 168 h 271"/>
                  <a:gd name="T52" fmla="*/ 43 w 255"/>
                  <a:gd name="T53" fmla="*/ 165 h 271"/>
                  <a:gd name="T54" fmla="*/ 43 w 255"/>
                  <a:gd name="T55" fmla="*/ 168 h 271"/>
                  <a:gd name="T56" fmla="*/ 47 w 255"/>
                  <a:gd name="T57" fmla="*/ 175 h 271"/>
                  <a:gd name="T58" fmla="*/ 38 w 255"/>
                  <a:gd name="T59" fmla="*/ 189 h 271"/>
                  <a:gd name="T60" fmla="*/ 47 w 255"/>
                  <a:gd name="T61" fmla="*/ 196 h 271"/>
                  <a:gd name="T62" fmla="*/ 50 w 255"/>
                  <a:gd name="T63" fmla="*/ 227 h 271"/>
                  <a:gd name="T64" fmla="*/ 57 w 255"/>
                  <a:gd name="T65" fmla="*/ 189 h 271"/>
                  <a:gd name="T66" fmla="*/ 119 w 255"/>
                  <a:gd name="T67" fmla="*/ 270 h 271"/>
                  <a:gd name="T68" fmla="*/ 83 w 255"/>
                  <a:gd name="T69" fmla="*/ 175 h 271"/>
                  <a:gd name="T70" fmla="*/ 83 w 255"/>
                  <a:gd name="T71" fmla="*/ 173 h 271"/>
                  <a:gd name="T72" fmla="*/ 86 w 255"/>
                  <a:gd name="T73" fmla="*/ 165 h 271"/>
                  <a:gd name="T74" fmla="*/ 137 w 255"/>
                  <a:gd name="T75" fmla="*/ 213 h 271"/>
                  <a:gd name="T76" fmla="*/ 104 w 255"/>
                  <a:gd name="T77" fmla="*/ 187 h 271"/>
                  <a:gd name="T78" fmla="*/ 94 w 255"/>
                  <a:gd name="T79" fmla="*/ 144 h 271"/>
                  <a:gd name="T80" fmla="*/ 97 w 255"/>
                  <a:gd name="T81" fmla="*/ 132 h 271"/>
                  <a:gd name="T82" fmla="*/ 116 w 255"/>
                  <a:gd name="T83" fmla="*/ 161 h 271"/>
                  <a:gd name="T84" fmla="*/ 104 w 255"/>
                  <a:gd name="T85" fmla="*/ 118 h 271"/>
                  <a:gd name="T86" fmla="*/ 123 w 255"/>
                  <a:gd name="T87" fmla="*/ 111 h 271"/>
                  <a:gd name="T88" fmla="*/ 137 w 255"/>
                  <a:gd name="T89" fmla="*/ 140 h 271"/>
                  <a:gd name="T90" fmla="*/ 119 w 255"/>
                  <a:gd name="T91" fmla="*/ 90 h 271"/>
                  <a:gd name="T92" fmla="*/ 123 w 255"/>
                  <a:gd name="T93" fmla="*/ 85 h 271"/>
                  <a:gd name="T94" fmla="*/ 127 w 255"/>
                  <a:gd name="T95" fmla="*/ 61 h 271"/>
                  <a:gd name="T96" fmla="*/ 144 w 255"/>
                  <a:gd name="T97" fmla="*/ 64 h 271"/>
                  <a:gd name="T98" fmla="*/ 210 w 255"/>
                  <a:gd name="T99" fmla="*/ 125 h 271"/>
                  <a:gd name="T100" fmla="*/ 163 w 255"/>
                  <a:gd name="T101" fmla="*/ 90 h 271"/>
                  <a:gd name="T102" fmla="*/ 137 w 255"/>
                  <a:gd name="T103" fmla="*/ 40 h 271"/>
                  <a:gd name="T104" fmla="*/ 144 w 255"/>
                  <a:gd name="T105" fmla="*/ 31 h 271"/>
                  <a:gd name="T106" fmla="*/ 177 w 255"/>
                  <a:gd name="T107" fmla="*/ 59 h 271"/>
                  <a:gd name="T108" fmla="*/ 170 w 255"/>
                  <a:gd name="T109" fmla="*/ 56 h 271"/>
                  <a:gd name="T110" fmla="*/ 155 w 255"/>
                  <a:gd name="T111" fmla="*/ 18 h 271"/>
                  <a:gd name="T112" fmla="*/ 195 w 255"/>
                  <a:gd name="T113" fmla="*/ 56 h 271"/>
                  <a:gd name="T114" fmla="*/ 169 w 255"/>
                  <a:gd name="T115" fmla="*/ 37 h 271"/>
                  <a:gd name="T116" fmla="*/ 149 w 255"/>
                  <a:gd name="T117" fmla="*/ 2 h 27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255" h="271">
                    <a:moveTo>
                      <a:pt x="143" y="3"/>
                    </a:moveTo>
                    <a:lnTo>
                      <a:pt x="127" y="0"/>
                    </a:lnTo>
                    <a:lnTo>
                      <a:pt x="116" y="7"/>
                    </a:lnTo>
                    <a:lnTo>
                      <a:pt x="104" y="9"/>
                    </a:lnTo>
                    <a:lnTo>
                      <a:pt x="79" y="12"/>
                    </a:lnTo>
                    <a:lnTo>
                      <a:pt x="18" y="12"/>
                    </a:lnTo>
                    <a:lnTo>
                      <a:pt x="79" y="14"/>
                    </a:lnTo>
                    <a:lnTo>
                      <a:pt x="97" y="9"/>
                    </a:lnTo>
                    <a:lnTo>
                      <a:pt x="108" y="12"/>
                    </a:lnTo>
                    <a:lnTo>
                      <a:pt x="94" y="16"/>
                    </a:lnTo>
                    <a:lnTo>
                      <a:pt x="104" y="16"/>
                    </a:lnTo>
                    <a:lnTo>
                      <a:pt x="94" y="23"/>
                    </a:lnTo>
                    <a:lnTo>
                      <a:pt x="14" y="64"/>
                    </a:lnTo>
                    <a:lnTo>
                      <a:pt x="97" y="23"/>
                    </a:lnTo>
                    <a:lnTo>
                      <a:pt x="94" y="28"/>
                    </a:lnTo>
                    <a:lnTo>
                      <a:pt x="83" y="36"/>
                    </a:lnTo>
                    <a:lnTo>
                      <a:pt x="72" y="37"/>
                    </a:lnTo>
                    <a:lnTo>
                      <a:pt x="50" y="40"/>
                    </a:lnTo>
                    <a:lnTo>
                      <a:pt x="14" y="36"/>
                    </a:lnTo>
                    <a:lnTo>
                      <a:pt x="72" y="40"/>
                    </a:lnTo>
                    <a:lnTo>
                      <a:pt x="83" y="36"/>
                    </a:lnTo>
                    <a:lnTo>
                      <a:pt x="94" y="33"/>
                    </a:lnTo>
                    <a:lnTo>
                      <a:pt x="90" y="40"/>
                    </a:lnTo>
                    <a:lnTo>
                      <a:pt x="83" y="42"/>
                    </a:lnTo>
                    <a:lnTo>
                      <a:pt x="10" y="66"/>
                    </a:lnTo>
                    <a:lnTo>
                      <a:pt x="83" y="45"/>
                    </a:lnTo>
                    <a:lnTo>
                      <a:pt x="90" y="45"/>
                    </a:lnTo>
                    <a:lnTo>
                      <a:pt x="83" y="52"/>
                    </a:lnTo>
                    <a:lnTo>
                      <a:pt x="72" y="59"/>
                    </a:lnTo>
                    <a:lnTo>
                      <a:pt x="10" y="73"/>
                    </a:lnTo>
                    <a:lnTo>
                      <a:pt x="79" y="56"/>
                    </a:lnTo>
                    <a:lnTo>
                      <a:pt x="83" y="56"/>
                    </a:lnTo>
                    <a:lnTo>
                      <a:pt x="86" y="59"/>
                    </a:lnTo>
                    <a:lnTo>
                      <a:pt x="72" y="68"/>
                    </a:lnTo>
                    <a:lnTo>
                      <a:pt x="86" y="66"/>
                    </a:lnTo>
                    <a:lnTo>
                      <a:pt x="68" y="78"/>
                    </a:lnTo>
                    <a:lnTo>
                      <a:pt x="53" y="85"/>
                    </a:lnTo>
                    <a:lnTo>
                      <a:pt x="25" y="90"/>
                    </a:lnTo>
                    <a:lnTo>
                      <a:pt x="10" y="90"/>
                    </a:lnTo>
                    <a:lnTo>
                      <a:pt x="35" y="88"/>
                    </a:lnTo>
                    <a:lnTo>
                      <a:pt x="65" y="82"/>
                    </a:lnTo>
                    <a:lnTo>
                      <a:pt x="72" y="80"/>
                    </a:lnTo>
                    <a:lnTo>
                      <a:pt x="65" y="88"/>
                    </a:lnTo>
                    <a:lnTo>
                      <a:pt x="50" y="97"/>
                    </a:lnTo>
                    <a:lnTo>
                      <a:pt x="25" y="102"/>
                    </a:lnTo>
                    <a:lnTo>
                      <a:pt x="0" y="106"/>
                    </a:lnTo>
                    <a:lnTo>
                      <a:pt x="32" y="99"/>
                    </a:lnTo>
                    <a:lnTo>
                      <a:pt x="53" y="92"/>
                    </a:lnTo>
                    <a:lnTo>
                      <a:pt x="72" y="85"/>
                    </a:lnTo>
                    <a:lnTo>
                      <a:pt x="75" y="82"/>
                    </a:lnTo>
                    <a:lnTo>
                      <a:pt x="72" y="90"/>
                    </a:lnTo>
                    <a:lnTo>
                      <a:pt x="79" y="88"/>
                    </a:lnTo>
                    <a:lnTo>
                      <a:pt x="86" y="90"/>
                    </a:lnTo>
                    <a:lnTo>
                      <a:pt x="72" y="97"/>
                    </a:lnTo>
                    <a:lnTo>
                      <a:pt x="72" y="102"/>
                    </a:lnTo>
                    <a:lnTo>
                      <a:pt x="53" y="111"/>
                    </a:lnTo>
                    <a:lnTo>
                      <a:pt x="61" y="111"/>
                    </a:lnTo>
                    <a:lnTo>
                      <a:pt x="53" y="116"/>
                    </a:lnTo>
                    <a:lnTo>
                      <a:pt x="28" y="125"/>
                    </a:lnTo>
                    <a:lnTo>
                      <a:pt x="6" y="127"/>
                    </a:lnTo>
                    <a:lnTo>
                      <a:pt x="38" y="123"/>
                    </a:lnTo>
                    <a:lnTo>
                      <a:pt x="57" y="116"/>
                    </a:lnTo>
                    <a:lnTo>
                      <a:pt x="68" y="113"/>
                    </a:lnTo>
                    <a:lnTo>
                      <a:pt x="68" y="120"/>
                    </a:lnTo>
                    <a:lnTo>
                      <a:pt x="68" y="123"/>
                    </a:lnTo>
                    <a:lnTo>
                      <a:pt x="57" y="132"/>
                    </a:lnTo>
                    <a:lnTo>
                      <a:pt x="47" y="140"/>
                    </a:lnTo>
                    <a:lnTo>
                      <a:pt x="53" y="140"/>
                    </a:lnTo>
                    <a:lnTo>
                      <a:pt x="43" y="144"/>
                    </a:lnTo>
                    <a:lnTo>
                      <a:pt x="6" y="156"/>
                    </a:lnTo>
                    <a:lnTo>
                      <a:pt x="32" y="149"/>
                    </a:lnTo>
                    <a:lnTo>
                      <a:pt x="50" y="144"/>
                    </a:lnTo>
                    <a:lnTo>
                      <a:pt x="50" y="151"/>
                    </a:lnTo>
                    <a:lnTo>
                      <a:pt x="38" y="153"/>
                    </a:lnTo>
                    <a:lnTo>
                      <a:pt x="50" y="151"/>
                    </a:lnTo>
                    <a:lnTo>
                      <a:pt x="50" y="156"/>
                    </a:lnTo>
                    <a:lnTo>
                      <a:pt x="43" y="161"/>
                    </a:lnTo>
                    <a:lnTo>
                      <a:pt x="10" y="168"/>
                    </a:lnTo>
                    <a:lnTo>
                      <a:pt x="38" y="161"/>
                    </a:lnTo>
                    <a:lnTo>
                      <a:pt x="38" y="163"/>
                    </a:lnTo>
                    <a:lnTo>
                      <a:pt x="43" y="165"/>
                    </a:lnTo>
                    <a:lnTo>
                      <a:pt x="10" y="182"/>
                    </a:lnTo>
                    <a:lnTo>
                      <a:pt x="35" y="170"/>
                    </a:lnTo>
                    <a:lnTo>
                      <a:pt x="43" y="168"/>
                    </a:lnTo>
                    <a:lnTo>
                      <a:pt x="47" y="173"/>
                    </a:lnTo>
                    <a:lnTo>
                      <a:pt x="38" y="177"/>
                    </a:lnTo>
                    <a:lnTo>
                      <a:pt x="47" y="175"/>
                    </a:lnTo>
                    <a:lnTo>
                      <a:pt x="38" y="189"/>
                    </a:lnTo>
                    <a:lnTo>
                      <a:pt x="6" y="205"/>
                    </a:lnTo>
                    <a:lnTo>
                      <a:pt x="38" y="189"/>
                    </a:lnTo>
                    <a:lnTo>
                      <a:pt x="35" y="196"/>
                    </a:lnTo>
                    <a:lnTo>
                      <a:pt x="47" y="189"/>
                    </a:lnTo>
                    <a:lnTo>
                      <a:pt x="47" y="196"/>
                    </a:lnTo>
                    <a:lnTo>
                      <a:pt x="50" y="229"/>
                    </a:lnTo>
                    <a:lnTo>
                      <a:pt x="83" y="270"/>
                    </a:lnTo>
                    <a:lnTo>
                      <a:pt x="50" y="227"/>
                    </a:lnTo>
                    <a:lnTo>
                      <a:pt x="50" y="211"/>
                    </a:lnTo>
                    <a:lnTo>
                      <a:pt x="53" y="198"/>
                    </a:lnTo>
                    <a:lnTo>
                      <a:pt x="57" y="189"/>
                    </a:lnTo>
                    <a:lnTo>
                      <a:pt x="65" y="173"/>
                    </a:lnTo>
                    <a:lnTo>
                      <a:pt x="72" y="180"/>
                    </a:lnTo>
                    <a:lnTo>
                      <a:pt x="119" y="270"/>
                    </a:lnTo>
                    <a:lnTo>
                      <a:pt x="75" y="180"/>
                    </a:lnTo>
                    <a:lnTo>
                      <a:pt x="75" y="170"/>
                    </a:lnTo>
                    <a:lnTo>
                      <a:pt x="83" y="175"/>
                    </a:lnTo>
                    <a:lnTo>
                      <a:pt x="90" y="263"/>
                    </a:lnTo>
                    <a:lnTo>
                      <a:pt x="86" y="187"/>
                    </a:lnTo>
                    <a:lnTo>
                      <a:pt x="83" y="173"/>
                    </a:lnTo>
                    <a:lnTo>
                      <a:pt x="79" y="168"/>
                    </a:lnTo>
                    <a:lnTo>
                      <a:pt x="83" y="156"/>
                    </a:lnTo>
                    <a:lnTo>
                      <a:pt x="86" y="165"/>
                    </a:lnTo>
                    <a:lnTo>
                      <a:pt x="97" y="184"/>
                    </a:lnTo>
                    <a:lnTo>
                      <a:pt x="108" y="196"/>
                    </a:lnTo>
                    <a:lnTo>
                      <a:pt x="137" y="213"/>
                    </a:lnTo>
                    <a:lnTo>
                      <a:pt x="199" y="244"/>
                    </a:lnTo>
                    <a:lnTo>
                      <a:pt x="119" y="198"/>
                    </a:lnTo>
                    <a:lnTo>
                      <a:pt x="104" y="187"/>
                    </a:lnTo>
                    <a:lnTo>
                      <a:pt x="97" y="180"/>
                    </a:lnTo>
                    <a:lnTo>
                      <a:pt x="90" y="170"/>
                    </a:lnTo>
                    <a:lnTo>
                      <a:pt x="94" y="144"/>
                    </a:lnTo>
                    <a:lnTo>
                      <a:pt x="97" y="151"/>
                    </a:lnTo>
                    <a:lnTo>
                      <a:pt x="97" y="137"/>
                    </a:lnTo>
                    <a:lnTo>
                      <a:pt x="97" y="132"/>
                    </a:lnTo>
                    <a:lnTo>
                      <a:pt x="104" y="144"/>
                    </a:lnTo>
                    <a:lnTo>
                      <a:pt x="174" y="232"/>
                    </a:lnTo>
                    <a:lnTo>
                      <a:pt x="116" y="161"/>
                    </a:lnTo>
                    <a:lnTo>
                      <a:pt x="108" y="153"/>
                    </a:lnTo>
                    <a:lnTo>
                      <a:pt x="104" y="144"/>
                    </a:lnTo>
                    <a:lnTo>
                      <a:pt x="104" y="118"/>
                    </a:lnTo>
                    <a:lnTo>
                      <a:pt x="108" y="120"/>
                    </a:lnTo>
                    <a:lnTo>
                      <a:pt x="112" y="106"/>
                    </a:lnTo>
                    <a:lnTo>
                      <a:pt x="123" y="111"/>
                    </a:lnTo>
                    <a:lnTo>
                      <a:pt x="177" y="208"/>
                    </a:lnTo>
                    <a:lnTo>
                      <a:pt x="148" y="161"/>
                    </a:lnTo>
                    <a:lnTo>
                      <a:pt x="137" y="140"/>
                    </a:lnTo>
                    <a:lnTo>
                      <a:pt x="123" y="120"/>
                    </a:lnTo>
                    <a:lnTo>
                      <a:pt x="123" y="108"/>
                    </a:lnTo>
                    <a:lnTo>
                      <a:pt x="119" y="90"/>
                    </a:lnTo>
                    <a:lnTo>
                      <a:pt x="127" y="92"/>
                    </a:lnTo>
                    <a:lnTo>
                      <a:pt x="155" y="189"/>
                    </a:lnTo>
                    <a:lnTo>
                      <a:pt x="123" y="85"/>
                    </a:lnTo>
                    <a:lnTo>
                      <a:pt x="123" y="75"/>
                    </a:lnTo>
                    <a:lnTo>
                      <a:pt x="127" y="82"/>
                    </a:lnTo>
                    <a:lnTo>
                      <a:pt x="127" y="61"/>
                    </a:lnTo>
                    <a:lnTo>
                      <a:pt x="133" y="68"/>
                    </a:lnTo>
                    <a:lnTo>
                      <a:pt x="133" y="56"/>
                    </a:lnTo>
                    <a:lnTo>
                      <a:pt x="144" y="64"/>
                    </a:lnTo>
                    <a:lnTo>
                      <a:pt x="159" y="88"/>
                    </a:lnTo>
                    <a:lnTo>
                      <a:pt x="177" y="102"/>
                    </a:lnTo>
                    <a:lnTo>
                      <a:pt x="210" y="125"/>
                    </a:lnTo>
                    <a:lnTo>
                      <a:pt x="228" y="146"/>
                    </a:lnTo>
                    <a:lnTo>
                      <a:pt x="177" y="102"/>
                    </a:lnTo>
                    <a:lnTo>
                      <a:pt x="163" y="90"/>
                    </a:lnTo>
                    <a:lnTo>
                      <a:pt x="148" y="73"/>
                    </a:lnTo>
                    <a:lnTo>
                      <a:pt x="144" y="61"/>
                    </a:lnTo>
                    <a:lnTo>
                      <a:pt x="137" y="40"/>
                    </a:lnTo>
                    <a:lnTo>
                      <a:pt x="141" y="42"/>
                    </a:lnTo>
                    <a:lnTo>
                      <a:pt x="148" y="40"/>
                    </a:lnTo>
                    <a:lnTo>
                      <a:pt x="144" y="31"/>
                    </a:lnTo>
                    <a:lnTo>
                      <a:pt x="151" y="40"/>
                    </a:lnTo>
                    <a:lnTo>
                      <a:pt x="159" y="49"/>
                    </a:lnTo>
                    <a:lnTo>
                      <a:pt x="177" y="59"/>
                    </a:lnTo>
                    <a:lnTo>
                      <a:pt x="203" y="68"/>
                    </a:lnTo>
                    <a:lnTo>
                      <a:pt x="254" y="92"/>
                    </a:lnTo>
                    <a:lnTo>
                      <a:pt x="170" y="56"/>
                    </a:lnTo>
                    <a:lnTo>
                      <a:pt x="159" y="47"/>
                    </a:lnTo>
                    <a:lnTo>
                      <a:pt x="155" y="42"/>
                    </a:lnTo>
                    <a:lnTo>
                      <a:pt x="155" y="18"/>
                    </a:lnTo>
                    <a:lnTo>
                      <a:pt x="163" y="26"/>
                    </a:lnTo>
                    <a:lnTo>
                      <a:pt x="174" y="37"/>
                    </a:lnTo>
                    <a:lnTo>
                      <a:pt x="195" y="56"/>
                    </a:lnTo>
                    <a:lnTo>
                      <a:pt x="225" y="75"/>
                    </a:lnTo>
                    <a:lnTo>
                      <a:pt x="231" y="85"/>
                    </a:lnTo>
                    <a:lnTo>
                      <a:pt x="169" y="37"/>
                    </a:lnTo>
                    <a:lnTo>
                      <a:pt x="163" y="21"/>
                    </a:lnTo>
                    <a:lnTo>
                      <a:pt x="166" y="9"/>
                    </a:lnTo>
                    <a:lnTo>
                      <a:pt x="149" y="2"/>
                    </a:lnTo>
                    <a:lnTo>
                      <a:pt x="143" y="3"/>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6" name="Freeform 107"/>
              <p:cNvSpPr>
                <a:spLocks/>
              </p:cNvSpPr>
              <p:nvPr/>
            </p:nvSpPr>
            <p:spPr bwMode="ltGray">
              <a:xfrm>
                <a:off x="4977" y="3785"/>
                <a:ext cx="212" cy="258"/>
              </a:xfrm>
              <a:custGeom>
                <a:avLst/>
                <a:gdLst>
                  <a:gd name="T0" fmla="*/ 208 w 212"/>
                  <a:gd name="T1" fmla="*/ 39 h 258"/>
                  <a:gd name="T2" fmla="*/ 192 w 212"/>
                  <a:gd name="T3" fmla="*/ 23 h 258"/>
                  <a:gd name="T4" fmla="*/ 186 w 212"/>
                  <a:gd name="T5" fmla="*/ 16 h 258"/>
                  <a:gd name="T6" fmla="*/ 170 w 212"/>
                  <a:gd name="T7" fmla="*/ 10 h 258"/>
                  <a:gd name="T8" fmla="*/ 156 w 212"/>
                  <a:gd name="T9" fmla="*/ 5 h 258"/>
                  <a:gd name="T10" fmla="*/ 136 w 212"/>
                  <a:gd name="T11" fmla="*/ 0 h 258"/>
                  <a:gd name="T12" fmla="*/ 119 w 212"/>
                  <a:gd name="T13" fmla="*/ 0 h 258"/>
                  <a:gd name="T14" fmla="*/ 104 w 212"/>
                  <a:gd name="T15" fmla="*/ 2 h 258"/>
                  <a:gd name="T16" fmla="*/ 86 w 212"/>
                  <a:gd name="T17" fmla="*/ 4 h 258"/>
                  <a:gd name="T18" fmla="*/ 66 w 212"/>
                  <a:gd name="T19" fmla="*/ 9 h 258"/>
                  <a:gd name="T20" fmla="*/ 54 w 212"/>
                  <a:gd name="T21" fmla="*/ 19 h 258"/>
                  <a:gd name="T22" fmla="*/ 42 w 212"/>
                  <a:gd name="T23" fmla="*/ 33 h 258"/>
                  <a:gd name="T24" fmla="*/ 29 w 212"/>
                  <a:gd name="T25" fmla="*/ 43 h 258"/>
                  <a:gd name="T26" fmla="*/ 19 w 212"/>
                  <a:gd name="T27" fmla="*/ 54 h 258"/>
                  <a:gd name="T28" fmla="*/ 8 w 212"/>
                  <a:gd name="T29" fmla="*/ 69 h 258"/>
                  <a:gd name="T30" fmla="*/ 0 w 212"/>
                  <a:gd name="T31" fmla="*/ 99 h 258"/>
                  <a:gd name="T32" fmla="*/ 2 w 212"/>
                  <a:gd name="T33" fmla="*/ 123 h 258"/>
                  <a:gd name="T34" fmla="*/ 12 w 212"/>
                  <a:gd name="T35" fmla="*/ 157 h 258"/>
                  <a:gd name="T36" fmla="*/ 29 w 212"/>
                  <a:gd name="T37" fmla="*/ 186 h 258"/>
                  <a:gd name="T38" fmla="*/ 66 w 212"/>
                  <a:gd name="T39" fmla="*/ 257 h 258"/>
                  <a:gd name="T40" fmla="*/ 52 w 212"/>
                  <a:gd name="T41" fmla="*/ 181 h 258"/>
                  <a:gd name="T42" fmla="*/ 44 w 212"/>
                  <a:gd name="T43" fmla="*/ 156 h 258"/>
                  <a:gd name="T44" fmla="*/ 39 w 212"/>
                  <a:gd name="T45" fmla="*/ 133 h 258"/>
                  <a:gd name="T46" fmla="*/ 37 w 212"/>
                  <a:gd name="T47" fmla="*/ 109 h 258"/>
                  <a:gd name="T48" fmla="*/ 42 w 212"/>
                  <a:gd name="T49" fmla="*/ 81 h 258"/>
                  <a:gd name="T50" fmla="*/ 46 w 212"/>
                  <a:gd name="T51" fmla="*/ 61 h 258"/>
                  <a:gd name="T52" fmla="*/ 56 w 212"/>
                  <a:gd name="T53" fmla="*/ 35 h 258"/>
                  <a:gd name="T54" fmla="*/ 72 w 212"/>
                  <a:gd name="T55" fmla="*/ 23 h 258"/>
                  <a:gd name="T56" fmla="*/ 92 w 212"/>
                  <a:gd name="T57" fmla="*/ 18 h 258"/>
                  <a:gd name="T58" fmla="*/ 144 w 212"/>
                  <a:gd name="T59" fmla="*/ 15 h 258"/>
                  <a:gd name="T60" fmla="*/ 176 w 212"/>
                  <a:gd name="T61" fmla="*/ 23 h 258"/>
                  <a:gd name="T62" fmla="*/ 211 w 212"/>
                  <a:gd name="T63" fmla="*/ 42 h 258"/>
                  <a:gd name="T64" fmla="*/ 208 w 212"/>
                  <a:gd name="T65" fmla="*/ 39 h 25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Lst>
                <a:rect l="0" t="0" r="r" b="b"/>
                <a:pathLst>
                  <a:path w="212" h="258">
                    <a:moveTo>
                      <a:pt x="208" y="39"/>
                    </a:moveTo>
                    <a:lnTo>
                      <a:pt x="192" y="23"/>
                    </a:lnTo>
                    <a:lnTo>
                      <a:pt x="186" y="16"/>
                    </a:lnTo>
                    <a:lnTo>
                      <a:pt x="170" y="10"/>
                    </a:lnTo>
                    <a:lnTo>
                      <a:pt x="156" y="5"/>
                    </a:lnTo>
                    <a:lnTo>
                      <a:pt x="136" y="0"/>
                    </a:lnTo>
                    <a:lnTo>
                      <a:pt x="119" y="0"/>
                    </a:lnTo>
                    <a:lnTo>
                      <a:pt x="104" y="2"/>
                    </a:lnTo>
                    <a:lnTo>
                      <a:pt x="86" y="4"/>
                    </a:lnTo>
                    <a:lnTo>
                      <a:pt x="66" y="9"/>
                    </a:lnTo>
                    <a:lnTo>
                      <a:pt x="54" y="19"/>
                    </a:lnTo>
                    <a:lnTo>
                      <a:pt x="42" y="33"/>
                    </a:lnTo>
                    <a:lnTo>
                      <a:pt x="29" y="43"/>
                    </a:lnTo>
                    <a:lnTo>
                      <a:pt x="19" y="54"/>
                    </a:lnTo>
                    <a:lnTo>
                      <a:pt x="8" y="69"/>
                    </a:lnTo>
                    <a:lnTo>
                      <a:pt x="0" y="99"/>
                    </a:lnTo>
                    <a:lnTo>
                      <a:pt x="2" y="123"/>
                    </a:lnTo>
                    <a:lnTo>
                      <a:pt x="12" y="157"/>
                    </a:lnTo>
                    <a:lnTo>
                      <a:pt x="29" y="186"/>
                    </a:lnTo>
                    <a:lnTo>
                      <a:pt x="66" y="257"/>
                    </a:lnTo>
                    <a:lnTo>
                      <a:pt x="52" y="181"/>
                    </a:lnTo>
                    <a:lnTo>
                      <a:pt x="44" y="156"/>
                    </a:lnTo>
                    <a:lnTo>
                      <a:pt x="39" y="133"/>
                    </a:lnTo>
                    <a:lnTo>
                      <a:pt x="37" y="109"/>
                    </a:lnTo>
                    <a:lnTo>
                      <a:pt x="42" y="81"/>
                    </a:lnTo>
                    <a:lnTo>
                      <a:pt x="46" y="61"/>
                    </a:lnTo>
                    <a:lnTo>
                      <a:pt x="56" y="35"/>
                    </a:lnTo>
                    <a:lnTo>
                      <a:pt x="72" y="23"/>
                    </a:lnTo>
                    <a:lnTo>
                      <a:pt x="92" y="18"/>
                    </a:lnTo>
                    <a:lnTo>
                      <a:pt x="144" y="15"/>
                    </a:lnTo>
                    <a:lnTo>
                      <a:pt x="176" y="23"/>
                    </a:lnTo>
                    <a:lnTo>
                      <a:pt x="211" y="42"/>
                    </a:lnTo>
                    <a:lnTo>
                      <a:pt x="208" y="39"/>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7" name="Freeform 108"/>
              <p:cNvSpPr>
                <a:spLocks/>
              </p:cNvSpPr>
              <p:nvPr/>
            </p:nvSpPr>
            <p:spPr bwMode="ltGray">
              <a:xfrm>
                <a:off x="5130" y="3603"/>
                <a:ext cx="218" cy="252"/>
              </a:xfrm>
              <a:custGeom>
                <a:avLst/>
                <a:gdLst>
                  <a:gd name="T0" fmla="*/ 63 w 218"/>
                  <a:gd name="T1" fmla="*/ 251 h 252"/>
                  <a:gd name="T2" fmla="*/ 48 w 218"/>
                  <a:gd name="T3" fmla="*/ 207 h 252"/>
                  <a:gd name="T4" fmla="*/ 41 w 218"/>
                  <a:gd name="T5" fmla="*/ 189 h 252"/>
                  <a:gd name="T6" fmla="*/ 26 w 218"/>
                  <a:gd name="T7" fmla="*/ 166 h 252"/>
                  <a:gd name="T8" fmla="*/ 10 w 218"/>
                  <a:gd name="T9" fmla="*/ 145 h 252"/>
                  <a:gd name="T10" fmla="*/ 1 w 218"/>
                  <a:gd name="T11" fmla="*/ 132 h 252"/>
                  <a:gd name="T12" fmla="*/ 0 w 218"/>
                  <a:gd name="T13" fmla="*/ 119 h 252"/>
                  <a:gd name="T14" fmla="*/ 4 w 218"/>
                  <a:gd name="T15" fmla="*/ 100 h 252"/>
                  <a:gd name="T16" fmla="*/ 6 w 218"/>
                  <a:gd name="T17" fmla="*/ 81 h 252"/>
                  <a:gd name="T18" fmla="*/ 30 w 218"/>
                  <a:gd name="T19" fmla="*/ 34 h 252"/>
                  <a:gd name="T20" fmla="*/ 41 w 218"/>
                  <a:gd name="T21" fmla="*/ 23 h 252"/>
                  <a:gd name="T22" fmla="*/ 61 w 218"/>
                  <a:gd name="T23" fmla="*/ 10 h 252"/>
                  <a:gd name="T24" fmla="*/ 78 w 218"/>
                  <a:gd name="T25" fmla="*/ 2 h 252"/>
                  <a:gd name="T26" fmla="*/ 100 w 218"/>
                  <a:gd name="T27" fmla="*/ 0 h 252"/>
                  <a:gd name="T28" fmla="*/ 118 w 218"/>
                  <a:gd name="T29" fmla="*/ 5 h 252"/>
                  <a:gd name="T30" fmla="*/ 140 w 218"/>
                  <a:gd name="T31" fmla="*/ 10 h 252"/>
                  <a:gd name="T32" fmla="*/ 163 w 218"/>
                  <a:gd name="T33" fmla="*/ 25 h 252"/>
                  <a:gd name="T34" fmla="*/ 170 w 218"/>
                  <a:gd name="T35" fmla="*/ 36 h 252"/>
                  <a:gd name="T36" fmla="*/ 184 w 218"/>
                  <a:gd name="T37" fmla="*/ 51 h 252"/>
                  <a:gd name="T38" fmla="*/ 195 w 218"/>
                  <a:gd name="T39" fmla="*/ 64 h 252"/>
                  <a:gd name="T40" fmla="*/ 215 w 218"/>
                  <a:gd name="T41" fmla="*/ 129 h 252"/>
                  <a:gd name="T42" fmla="*/ 217 w 218"/>
                  <a:gd name="T43" fmla="*/ 142 h 252"/>
                  <a:gd name="T44" fmla="*/ 212 w 218"/>
                  <a:gd name="T45" fmla="*/ 164 h 252"/>
                  <a:gd name="T46" fmla="*/ 201 w 218"/>
                  <a:gd name="T47" fmla="*/ 225 h 252"/>
                  <a:gd name="T48" fmla="*/ 202 w 218"/>
                  <a:gd name="T49" fmla="*/ 165 h 252"/>
                  <a:gd name="T50" fmla="*/ 195 w 218"/>
                  <a:gd name="T51" fmla="*/ 138 h 252"/>
                  <a:gd name="T52" fmla="*/ 190 w 218"/>
                  <a:gd name="T53" fmla="*/ 122 h 252"/>
                  <a:gd name="T54" fmla="*/ 182 w 218"/>
                  <a:gd name="T55" fmla="*/ 100 h 252"/>
                  <a:gd name="T56" fmla="*/ 173 w 218"/>
                  <a:gd name="T57" fmla="*/ 79 h 252"/>
                  <a:gd name="T58" fmla="*/ 159 w 218"/>
                  <a:gd name="T59" fmla="*/ 57 h 252"/>
                  <a:gd name="T60" fmla="*/ 144 w 218"/>
                  <a:gd name="T61" fmla="*/ 37 h 252"/>
                  <a:gd name="T62" fmla="*/ 131 w 218"/>
                  <a:gd name="T63" fmla="*/ 20 h 252"/>
                  <a:gd name="T64" fmla="*/ 118 w 218"/>
                  <a:gd name="T65" fmla="*/ 10 h 252"/>
                  <a:gd name="T66" fmla="*/ 103 w 218"/>
                  <a:gd name="T67" fmla="*/ 6 h 252"/>
                  <a:gd name="T68" fmla="*/ 87 w 218"/>
                  <a:gd name="T69" fmla="*/ 10 h 252"/>
                  <a:gd name="T70" fmla="*/ 77 w 218"/>
                  <a:gd name="T71" fmla="*/ 19 h 252"/>
                  <a:gd name="T72" fmla="*/ 70 w 218"/>
                  <a:gd name="T73" fmla="*/ 36 h 252"/>
                  <a:gd name="T74" fmla="*/ 70 w 218"/>
                  <a:gd name="T75" fmla="*/ 48 h 252"/>
                  <a:gd name="T76" fmla="*/ 65 w 218"/>
                  <a:gd name="T77" fmla="*/ 71 h 252"/>
                  <a:gd name="T78" fmla="*/ 58 w 218"/>
                  <a:gd name="T79" fmla="*/ 85 h 252"/>
                  <a:gd name="T80" fmla="*/ 43 w 218"/>
                  <a:gd name="T81" fmla="*/ 108 h 252"/>
                  <a:gd name="T82" fmla="*/ 41 w 218"/>
                  <a:gd name="T83" fmla="*/ 119 h 252"/>
                  <a:gd name="T84" fmla="*/ 38 w 218"/>
                  <a:gd name="T85" fmla="*/ 131 h 252"/>
                  <a:gd name="T86" fmla="*/ 38 w 218"/>
                  <a:gd name="T87" fmla="*/ 147 h 252"/>
                  <a:gd name="T88" fmla="*/ 65 w 218"/>
                  <a:gd name="T89" fmla="*/ 203 h 252"/>
                  <a:gd name="T90" fmla="*/ 63 w 218"/>
                  <a:gd name="T91" fmla="*/ 251 h 25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Lst>
                <a:rect l="0" t="0" r="r" b="b"/>
                <a:pathLst>
                  <a:path w="218" h="252">
                    <a:moveTo>
                      <a:pt x="63" y="251"/>
                    </a:moveTo>
                    <a:lnTo>
                      <a:pt x="48" y="207"/>
                    </a:lnTo>
                    <a:lnTo>
                      <a:pt x="41" y="189"/>
                    </a:lnTo>
                    <a:lnTo>
                      <a:pt x="26" y="166"/>
                    </a:lnTo>
                    <a:lnTo>
                      <a:pt x="10" y="145"/>
                    </a:lnTo>
                    <a:lnTo>
                      <a:pt x="1" y="132"/>
                    </a:lnTo>
                    <a:lnTo>
                      <a:pt x="0" y="119"/>
                    </a:lnTo>
                    <a:lnTo>
                      <a:pt x="4" y="100"/>
                    </a:lnTo>
                    <a:lnTo>
                      <a:pt x="6" y="81"/>
                    </a:lnTo>
                    <a:lnTo>
                      <a:pt x="30" y="34"/>
                    </a:lnTo>
                    <a:lnTo>
                      <a:pt x="41" y="23"/>
                    </a:lnTo>
                    <a:lnTo>
                      <a:pt x="61" y="10"/>
                    </a:lnTo>
                    <a:lnTo>
                      <a:pt x="78" y="2"/>
                    </a:lnTo>
                    <a:lnTo>
                      <a:pt x="100" y="0"/>
                    </a:lnTo>
                    <a:lnTo>
                      <a:pt x="118" y="5"/>
                    </a:lnTo>
                    <a:lnTo>
                      <a:pt x="140" y="10"/>
                    </a:lnTo>
                    <a:lnTo>
                      <a:pt x="163" y="25"/>
                    </a:lnTo>
                    <a:lnTo>
                      <a:pt x="170" y="36"/>
                    </a:lnTo>
                    <a:lnTo>
                      <a:pt x="184" y="51"/>
                    </a:lnTo>
                    <a:lnTo>
                      <a:pt x="195" y="64"/>
                    </a:lnTo>
                    <a:lnTo>
                      <a:pt x="215" y="129"/>
                    </a:lnTo>
                    <a:lnTo>
                      <a:pt x="217" y="142"/>
                    </a:lnTo>
                    <a:lnTo>
                      <a:pt x="212" y="164"/>
                    </a:lnTo>
                    <a:lnTo>
                      <a:pt x="201" y="225"/>
                    </a:lnTo>
                    <a:lnTo>
                      <a:pt x="202" y="165"/>
                    </a:lnTo>
                    <a:lnTo>
                      <a:pt x="195" y="138"/>
                    </a:lnTo>
                    <a:lnTo>
                      <a:pt x="190" y="122"/>
                    </a:lnTo>
                    <a:lnTo>
                      <a:pt x="182" y="100"/>
                    </a:lnTo>
                    <a:lnTo>
                      <a:pt x="173" y="79"/>
                    </a:lnTo>
                    <a:lnTo>
                      <a:pt x="159" y="57"/>
                    </a:lnTo>
                    <a:lnTo>
                      <a:pt x="144" y="37"/>
                    </a:lnTo>
                    <a:lnTo>
                      <a:pt x="131" y="20"/>
                    </a:lnTo>
                    <a:lnTo>
                      <a:pt x="118" y="10"/>
                    </a:lnTo>
                    <a:lnTo>
                      <a:pt x="103" y="6"/>
                    </a:lnTo>
                    <a:lnTo>
                      <a:pt x="87" y="10"/>
                    </a:lnTo>
                    <a:lnTo>
                      <a:pt x="77" y="19"/>
                    </a:lnTo>
                    <a:lnTo>
                      <a:pt x="70" y="36"/>
                    </a:lnTo>
                    <a:lnTo>
                      <a:pt x="70" y="48"/>
                    </a:lnTo>
                    <a:lnTo>
                      <a:pt x="65" y="71"/>
                    </a:lnTo>
                    <a:lnTo>
                      <a:pt x="58" y="85"/>
                    </a:lnTo>
                    <a:lnTo>
                      <a:pt x="43" y="108"/>
                    </a:lnTo>
                    <a:lnTo>
                      <a:pt x="41" y="119"/>
                    </a:lnTo>
                    <a:lnTo>
                      <a:pt x="38" y="131"/>
                    </a:lnTo>
                    <a:lnTo>
                      <a:pt x="38" y="147"/>
                    </a:lnTo>
                    <a:lnTo>
                      <a:pt x="65" y="203"/>
                    </a:lnTo>
                    <a:lnTo>
                      <a:pt x="63" y="251"/>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8" name="Freeform 109"/>
              <p:cNvSpPr>
                <a:spLocks/>
              </p:cNvSpPr>
              <p:nvPr/>
            </p:nvSpPr>
            <p:spPr bwMode="ltGray">
              <a:xfrm>
                <a:off x="5495" y="3351"/>
                <a:ext cx="280" cy="366"/>
              </a:xfrm>
              <a:custGeom>
                <a:avLst/>
                <a:gdLst>
                  <a:gd name="T0" fmla="*/ 1 w 280"/>
                  <a:gd name="T1" fmla="*/ 301 h 366"/>
                  <a:gd name="T2" fmla="*/ 11 w 280"/>
                  <a:gd name="T3" fmla="*/ 289 h 366"/>
                  <a:gd name="T4" fmla="*/ 80 w 280"/>
                  <a:gd name="T5" fmla="*/ 365 h 366"/>
                  <a:gd name="T6" fmla="*/ 25 w 280"/>
                  <a:gd name="T7" fmla="*/ 291 h 366"/>
                  <a:gd name="T8" fmla="*/ 31 w 280"/>
                  <a:gd name="T9" fmla="*/ 283 h 366"/>
                  <a:gd name="T10" fmla="*/ 99 w 280"/>
                  <a:gd name="T11" fmla="*/ 336 h 366"/>
                  <a:gd name="T12" fmla="*/ 28 w 280"/>
                  <a:gd name="T13" fmla="*/ 280 h 366"/>
                  <a:gd name="T14" fmla="*/ 37 w 280"/>
                  <a:gd name="T15" fmla="*/ 267 h 366"/>
                  <a:gd name="T16" fmla="*/ 46 w 280"/>
                  <a:gd name="T17" fmla="*/ 254 h 366"/>
                  <a:gd name="T18" fmla="*/ 41 w 280"/>
                  <a:gd name="T19" fmla="*/ 245 h 366"/>
                  <a:gd name="T20" fmla="*/ 50 w 280"/>
                  <a:gd name="T21" fmla="*/ 239 h 366"/>
                  <a:gd name="T22" fmla="*/ 46 w 280"/>
                  <a:gd name="T23" fmla="*/ 238 h 366"/>
                  <a:gd name="T24" fmla="*/ 46 w 280"/>
                  <a:gd name="T25" fmla="*/ 225 h 366"/>
                  <a:gd name="T26" fmla="*/ 50 w 280"/>
                  <a:gd name="T27" fmla="*/ 216 h 366"/>
                  <a:gd name="T28" fmla="*/ 132 w 280"/>
                  <a:gd name="T29" fmla="*/ 280 h 366"/>
                  <a:gd name="T30" fmla="*/ 46 w 280"/>
                  <a:gd name="T31" fmla="*/ 213 h 366"/>
                  <a:gd name="T32" fmla="*/ 55 w 280"/>
                  <a:gd name="T33" fmla="*/ 213 h 366"/>
                  <a:gd name="T34" fmla="*/ 55 w 280"/>
                  <a:gd name="T35" fmla="*/ 194 h 366"/>
                  <a:gd name="T36" fmla="*/ 159 w 280"/>
                  <a:gd name="T37" fmla="*/ 238 h 366"/>
                  <a:gd name="T38" fmla="*/ 77 w 280"/>
                  <a:gd name="T39" fmla="*/ 208 h 366"/>
                  <a:gd name="T40" fmla="*/ 47 w 280"/>
                  <a:gd name="T41" fmla="*/ 182 h 366"/>
                  <a:gd name="T42" fmla="*/ 50 w 280"/>
                  <a:gd name="T43" fmla="*/ 172 h 366"/>
                  <a:gd name="T44" fmla="*/ 68 w 280"/>
                  <a:gd name="T45" fmla="*/ 180 h 366"/>
                  <a:gd name="T46" fmla="*/ 70 w 280"/>
                  <a:gd name="T47" fmla="*/ 168 h 366"/>
                  <a:gd name="T48" fmla="*/ 146 w 280"/>
                  <a:gd name="T49" fmla="*/ 188 h 366"/>
                  <a:gd name="T50" fmla="*/ 118 w 280"/>
                  <a:gd name="T51" fmla="*/ 178 h 366"/>
                  <a:gd name="T52" fmla="*/ 58 w 280"/>
                  <a:gd name="T53" fmla="*/ 154 h 366"/>
                  <a:gd name="T54" fmla="*/ 55 w 280"/>
                  <a:gd name="T55" fmla="*/ 136 h 366"/>
                  <a:gd name="T56" fmla="*/ 60 w 280"/>
                  <a:gd name="T57" fmla="*/ 126 h 366"/>
                  <a:gd name="T58" fmla="*/ 80 w 280"/>
                  <a:gd name="T59" fmla="*/ 134 h 366"/>
                  <a:gd name="T60" fmla="*/ 76 w 280"/>
                  <a:gd name="T61" fmla="*/ 116 h 366"/>
                  <a:gd name="T62" fmla="*/ 70 w 280"/>
                  <a:gd name="T63" fmla="*/ 105 h 366"/>
                  <a:gd name="T64" fmla="*/ 75 w 280"/>
                  <a:gd name="T65" fmla="*/ 99 h 366"/>
                  <a:gd name="T66" fmla="*/ 155 w 280"/>
                  <a:gd name="T67" fmla="*/ 130 h 366"/>
                  <a:gd name="T68" fmla="*/ 250 w 280"/>
                  <a:gd name="T69" fmla="*/ 154 h 366"/>
                  <a:gd name="T70" fmla="*/ 118 w 280"/>
                  <a:gd name="T71" fmla="*/ 115 h 366"/>
                  <a:gd name="T72" fmla="*/ 75 w 280"/>
                  <a:gd name="T73" fmla="*/ 99 h 366"/>
                  <a:gd name="T74" fmla="*/ 80 w 280"/>
                  <a:gd name="T75" fmla="*/ 89 h 366"/>
                  <a:gd name="T76" fmla="*/ 72 w 280"/>
                  <a:gd name="T77" fmla="*/ 70 h 366"/>
                  <a:gd name="T78" fmla="*/ 75 w 280"/>
                  <a:gd name="T79" fmla="*/ 56 h 366"/>
                  <a:gd name="T80" fmla="*/ 118 w 280"/>
                  <a:gd name="T81" fmla="*/ 72 h 366"/>
                  <a:gd name="T82" fmla="*/ 108 w 280"/>
                  <a:gd name="T83" fmla="*/ 68 h 366"/>
                  <a:gd name="T84" fmla="*/ 80 w 280"/>
                  <a:gd name="T85" fmla="*/ 56 h 366"/>
                  <a:gd name="T86" fmla="*/ 75 w 280"/>
                  <a:gd name="T87" fmla="*/ 49 h 366"/>
                  <a:gd name="T88" fmla="*/ 60 w 280"/>
                  <a:gd name="T89" fmla="*/ 40 h 366"/>
                  <a:gd name="T90" fmla="*/ 146 w 280"/>
                  <a:gd name="T91" fmla="*/ 56 h 366"/>
                  <a:gd name="T92" fmla="*/ 60 w 280"/>
                  <a:gd name="T93" fmla="*/ 27 h 366"/>
                  <a:gd name="T94" fmla="*/ 161 w 280"/>
                  <a:gd name="T95" fmla="*/ 27 h 366"/>
                  <a:gd name="T96" fmla="*/ 206 w 280"/>
                  <a:gd name="T97" fmla="*/ 23 h 366"/>
                  <a:gd name="T98" fmla="*/ 75 w 280"/>
                  <a:gd name="T99" fmla="*/ 27 h 366"/>
                  <a:gd name="T100" fmla="*/ 55 w 280"/>
                  <a:gd name="T101" fmla="*/ 10 h 366"/>
                  <a:gd name="T102" fmla="*/ 26 w 280"/>
                  <a:gd name="T103" fmla="*/ 4 h 366"/>
                  <a:gd name="T104" fmla="*/ 0 w 280"/>
                  <a:gd name="T105" fmla="*/ 317 h 3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Lst>
                <a:rect l="0" t="0" r="r" b="b"/>
                <a:pathLst>
                  <a:path w="280" h="366">
                    <a:moveTo>
                      <a:pt x="0" y="317"/>
                    </a:moveTo>
                    <a:lnTo>
                      <a:pt x="1" y="301"/>
                    </a:lnTo>
                    <a:lnTo>
                      <a:pt x="17" y="310"/>
                    </a:lnTo>
                    <a:lnTo>
                      <a:pt x="11" y="289"/>
                    </a:lnTo>
                    <a:lnTo>
                      <a:pt x="26" y="292"/>
                    </a:lnTo>
                    <a:lnTo>
                      <a:pt x="80" y="365"/>
                    </a:lnTo>
                    <a:lnTo>
                      <a:pt x="31" y="301"/>
                    </a:lnTo>
                    <a:lnTo>
                      <a:pt x="25" y="291"/>
                    </a:lnTo>
                    <a:lnTo>
                      <a:pt x="20" y="280"/>
                    </a:lnTo>
                    <a:lnTo>
                      <a:pt x="31" y="283"/>
                    </a:lnTo>
                    <a:lnTo>
                      <a:pt x="61" y="303"/>
                    </a:lnTo>
                    <a:lnTo>
                      <a:pt x="99" y="336"/>
                    </a:lnTo>
                    <a:lnTo>
                      <a:pt x="46" y="292"/>
                    </a:lnTo>
                    <a:lnTo>
                      <a:pt x="28" y="280"/>
                    </a:lnTo>
                    <a:lnTo>
                      <a:pt x="26" y="262"/>
                    </a:lnTo>
                    <a:lnTo>
                      <a:pt x="37" y="267"/>
                    </a:lnTo>
                    <a:lnTo>
                      <a:pt x="35" y="248"/>
                    </a:lnTo>
                    <a:lnTo>
                      <a:pt x="46" y="254"/>
                    </a:lnTo>
                    <a:lnTo>
                      <a:pt x="94" y="320"/>
                    </a:lnTo>
                    <a:lnTo>
                      <a:pt x="41" y="245"/>
                    </a:lnTo>
                    <a:lnTo>
                      <a:pt x="35" y="232"/>
                    </a:lnTo>
                    <a:lnTo>
                      <a:pt x="50" y="239"/>
                    </a:lnTo>
                    <a:lnTo>
                      <a:pt x="89" y="276"/>
                    </a:lnTo>
                    <a:lnTo>
                      <a:pt x="46" y="238"/>
                    </a:lnTo>
                    <a:lnTo>
                      <a:pt x="31" y="219"/>
                    </a:lnTo>
                    <a:lnTo>
                      <a:pt x="46" y="225"/>
                    </a:lnTo>
                    <a:lnTo>
                      <a:pt x="35" y="213"/>
                    </a:lnTo>
                    <a:lnTo>
                      <a:pt x="50" y="216"/>
                    </a:lnTo>
                    <a:lnTo>
                      <a:pt x="64" y="238"/>
                    </a:lnTo>
                    <a:lnTo>
                      <a:pt x="132" y="280"/>
                    </a:lnTo>
                    <a:lnTo>
                      <a:pt x="60" y="232"/>
                    </a:lnTo>
                    <a:lnTo>
                      <a:pt x="46" y="213"/>
                    </a:lnTo>
                    <a:lnTo>
                      <a:pt x="41" y="203"/>
                    </a:lnTo>
                    <a:lnTo>
                      <a:pt x="55" y="213"/>
                    </a:lnTo>
                    <a:lnTo>
                      <a:pt x="46" y="191"/>
                    </a:lnTo>
                    <a:lnTo>
                      <a:pt x="55" y="194"/>
                    </a:lnTo>
                    <a:lnTo>
                      <a:pt x="62" y="205"/>
                    </a:lnTo>
                    <a:lnTo>
                      <a:pt x="159" y="238"/>
                    </a:lnTo>
                    <a:lnTo>
                      <a:pt x="107" y="219"/>
                    </a:lnTo>
                    <a:lnTo>
                      <a:pt x="77" y="208"/>
                    </a:lnTo>
                    <a:lnTo>
                      <a:pt x="69" y="204"/>
                    </a:lnTo>
                    <a:lnTo>
                      <a:pt x="47" y="182"/>
                    </a:lnTo>
                    <a:lnTo>
                      <a:pt x="55" y="186"/>
                    </a:lnTo>
                    <a:lnTo>
                      <a:pt x="50" y="172"/>
                    </a:lnTo>
                    <a:lnTo>
                      <a:pt x="48" y="174"/>
                    </a:lnTo>
                    <a:lnTo>
                      <a:pt x="68" y="180"/>
                    </a:lnTo>
                    <a:lnTo>
                      <a:pt x="54" y="165"/>
                    </a:lnTo>
                    <a:lnTo>
                      <a:pt x="70" y="168"/>
                    </a:lnTo>
                    <a:lnTo>
                      <a:pt x="107" y="175"/>
                    </a:lnTo>
                    <a:lnTo>
                      <a:pt x="146" y="188"/>
                    </a:lnTo>
                    <a:lnTo>
                      <a:pt x="245" y="235"/>
                    </a:lnTo>
                    <a:lnTo>
                      <a:pt x="118" y="178"/>
                    </a:lnTo>
                    <a:lnTo>
                      <a:pt x="70" y="165"/>
                    </a:lnTo>
                    <a:lnTo>
                      <a:pt x="58" y="154"/>
                    </a:lnTo>
                    <a:lnTo>
                      <a:pt x="76" y="159"/>
                    </a:lnTo>
                    <a:lnTo>
                      <a:pt x="55" y="136"/>
                    </a:lnTo>
                    <a:lnTo>
                      <a:pt x="70" y="138"/>
                    </a:lnTo>
                    <a:lnTo>
                      <a:pt x="60" y="126"/>
                    </a:lnTo>
                    <a:lnTo>
                      <a:pt x="61" y="124"/>
                    </a:lnTo>
                    <a:lnTo>
                      <a:pt x="80" y="134"/>
                    </a:lnTo>
                    <a:lnTo>
                      <a:pt x="62" y="116"/>
                    </a:lnTo>
                    <a:lnTo>
                      <a:pt x="76" y="116"/>
                    </a:lnTo>
                    <a:lnTo>
                      <a:pt x="60" y="105"/>
                    </a:lnTo>
                    <a:lnTo>
                      <a:pt x="70" y="105"/>
                    </a:lnTo>
                    <a:lnTo>
                      <a:pt x="60" y="99"/>
                    </a:lnTo>
                    <a:lnTo>
                      <a:pt x="75" y="99"/>
                    </a:lnTo>
                    <a:lnTo>
                      <a:pt x="105" y="112"/>
                    </a:lnTo>
                    <a:lnTo>
                      <a:pt x="155" y="130"/>
                    </a:lnTo>
                    <a:lnTo>
                      <a:pt x="205" y="144"/>
                    </a:lnTo>
                    <a:lnTo>
                      <a:pt x="250" y="154"/>
                    </a:lnTo>
                    <a:lnTo>
                      <a:pt x="142" y="124"/>
                    </a:lnTo>
                    <a:lnTo>
                      <a:pt x="118" y="115"/>
                    </a:lnTo>
                    <a:lnTo>
                      <a:pt x="80" y="103"/>
                    </a:lnTo>
                    <a:lnTo>
                      <a:pt x="75" y="99"/>
                    </a:lnTo>
                    <a:lnTo>
                      <a:pt x="65" y="87"/>
                    </a:lnTo>
                    <a:lnTo>
                      <a:pt x="80" y="89"/>
                    </a:lnTo>
                    <a:lnTo>
                      <a:pt x="62" y="70"/>
                    </a:lnTo>
                    <a:lnTo>
                      <a:pt x="72" y="70"/>
                    </a:lnTo>
                    <a:lnTo>
                      <a:pt x="60" y="56"/>
                    </a:lnTo>
                    <a:lnTo>
                      <a:pt x="75" y="56"/>
                    </a:lnTo>
                    <a:lnTo>
                      <a:pt x="84" y="62"/>
                    </a:lnTo>
                    <a:lnTo>
                      <a:pt x="118" y="72"/>
                    </a:lnTo>
                    <a:lnTo>
                      <a:pt x="216" y="96"/>
                    </a:lnTo>
                    <a:lnTo>
                      <a:pt x="108" y="68"/>
                    </a:lnTo>
                    <a:lnTo>
                      <a:pt x="84" y="61"/>
                    </a:lnTo>
                    <a:lnTo>
                      <a:pt x="80" y="56"/>
                    </a:lnTo>
                    <a:lnTo>
                      <a:pt x="65" y="46"/>
                    </a:lnTo>
                    <a:lnTo>
                      <a:pt x="75" y="49"/>
                    </a:lnTo>
                    <a:lnTo>
                      <a:pt x="50" y="36"/>
                    </a:lnTo>
                    <a:lnTo>
                      <a:pt x="60" y="40"/>
                    </a:lnTo>
                    <a:lnTo>
                      <a:pt x="83" y="39"/>
                    </a:lnTo>
                    <a:lnTo>
                      <a:pt x="146" y="56"/>
                    </a:lnTo>
                    <a:lnTo>
                      <a:pt x="80" y="40"/>
                    </a:lnTo>
                    <a:lnTo>
                      <a:pt x="60" y="27"/>
                    </a:lnTo>
                    <a:lnTo>
                      <a:pt x="80" y="27"/>
                    </a:lnTo>
                    <a:lnTo>
                      <a:pt x="161" y="27"/>
                    </a:lnTo>
                    <a:lnTo>
                      <a:pt x="279" y="14"/>
                    </a:lnTo>
                    <a:lnTo>
                      <a:pt x="206" y="23"/>
                    </a:lnTo>
                    <a:lnTo>
                      <a:pt x="104" y="29"/>
                    </a:lnTo>
                    <a:lnTo>
                      <a:pt x="75" y="27"/>
                    </a:lnTo>
                    <a:lnTo>
                      <a:pt x="65" y="20"/>
                    </a:lnTo>
                    <a:lnTo>
                      <a:pt x="55" y="10"/>
                    </a:lnTo>
                    <a:lnTo>
                      <a:pt x="32" y="0"/>
                    </a:lnTo>
                    <a:lnTo>
                      <a:pt x="26" y="4"/>
                    </a:lnTo>
                    <a:lnTo>
                      <a:pt x="21" y="0"/>
                    </a:lnTo>
                    <a:lnTo>
                      <a:pt x="0" y="317"/>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sp>
            <p:nvSpPr>
              <p:cNvPr id="39" name="Freeform 110"/>
              <p:cNvSpPr>
                <a:spLocks/>
              </p:cNvSpPr>
              <p:nvPr/>
            </p:nvSpPr>
            <p:spPr bwMode="ltGray">
              <a:xfrm>
                <a:off x="5057" y="3935"/>
                <a:ext cx="150" cy="161"/>
              </a:xfrm>
              <a:custGeom>
                <a:avLst/>
                <a:gdLst>
                  <a:gd name="T0" fmla="*/ 145 w 150"/>
                  <a:gd name="T1" fmla="*/ 25 h 161"/>
                  <a:gd name="T2" fmla="*/ 114 w 150"/>
                  <a:gd name="T3" fmla="*/ 0 h 161"/>
                  <a:gd name="T4" fmla="*/ 94 w 150"/>
                  <a:gd name="T5" fmla="*/ 0 h 161"/>
                  <a:gd name="T6" fmla="*/ 77 w 150"/>
                  <a:gd name="T7" fmla="*/ 2 h 161"/>
                  <a:gd name="T8" fmla="*/ 64 w 150"/>
                  <a:gd name="T9" fmla="*/ 9 h 161"/>
                  <a:gd name="T10" fmla="*/ 30 w 150"/>
                  <a:gd name="T11" fmla="*/ 29 h 161"/>
                  <a:gd name="T12" fmla="*/ 19 w 150"/>
                  <a:gd name="T13" fmla="*/ 38 h 161"/>
                  <a:gd name="T14" fmla="*/ 11 w 150"/>
                  <a:gd name="T15" fmla="*/ 47 h 161"/>
                  <a:gd name="T16" fmla="*/ 3 w 150"/>
                  <a:gd name="T17" fmla="*/ 75 h 161"/>
                  <a:gd name="T18" fmla="*/ 0 w 150"/>
                  <a:gd name="T19" fmla="*/ 83 h 161"/>
                  <a:gd name="T20" fmla="*/ 3 w 150"/>
                  <a:gd name="T21" fmla="*/ 94 h 161"/>
                  <a:gd name="T22" fmla="*/ 8 w 150"/>
                  <a:gd name="T23" fmla="*/ 104 h 161"/>
                  <a:gd name="T24" fmla="*/ 22 w 150"/>
                  <a:gd name="T25" fmla="*/ 122 h 161"/>
                  <a:gd name="T26" fmla="*/ 33 w 150"/>
                  <a:gd name="T27" fmla="*/ 133 h 161"/>
                  <a:gd name="T28" fmla="*/ 49 w 150"/>
                  <a:gd name="T29" fmla="*/ 145 h 161"/>
                  <a:gd name="T30" fmla="*/ 84 w 150"/>
                  <a:gd name="T31" fmla="*/ 160 h 161"/>
                  <a:gd name="T32" fmla="*/ 67 w 150"/>
                  <a:gd name="T33" fmla="*/ 141 h 161"/>
                  <a:gd name="T34" fmla="*/ 52 w 150"/>
                  <a:gd name="T35" fmla="*/ 124 h 161"/>
                  <a:gd name="T36" fmla="*/ 44 w 150"/>
                  <a:gd name="T37" fmla="*/ 108 h 161"/>
                  <a:gd name="T38" fmla="*/ 47 w 150"/>
                  <a:gd name="T39" fmla="*/ 94 h 161"/>
                  <a:gd name="T40" fmla="*/ 49 w 150"/>
                  <a:gd name="T41" fmla="*/ 83 h 161"/>
                  <a:gd name="T42" fmla="*/ 44 w 150"/>
                  <a:gd name="T43" fmla="*/ 70 h 161"/>
                  <a:gd name="T44" fmla="*/ 41 w 150"/>
                  <a:gd name="T45" fmla="*/ 59 h 161"/>
                  <a:gd name="T46" fmla="*/ 55 w 150"/>
                  <a:gd name="T47" fmla="*/ 38 h 161"/>
                  <a:gd name="T48" fmla="*/ 58 w 150"/>
                  <a:gd name="T49" fmla="*/ 27 h 161"/>
                  <a:gd name="T50" fmla="*/ 70 w 150"/>
                  <a:gd name="T51" fmla="*/ 18 h 161"/>
                  <a:gd name="T52" fmla="*/ 94 w 150"/>
                  <a:gd name="T53" fmla="*/ 6 h 161"/>
                  <a:gd name="T54" fmla="*/ 106 w 150"/>
                  <a:gd name="T55" fmla="*/ 15 h 161"/>
                  <a:gd name="T56" fmla="*/ 149 w 150"/>
                  <a:gd name="T57" fmla="*/ 30 h 161"/>
                  <a:gd name="T58" fmla="*/ 145 w 150"/>
                  <a:gd name="T59" fmla="*/ 25 h 16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Lst>
                <a:rect l="0" t="0" r="r" b="b"/>
                <a:pathLst>
                  <a:path w="150" h="161">
                    <a:moveTo>
                      <a:pt x="145" y="25"/>
                    </a:moveTo>
                    <a:lnTo>
                      <a:pt x="114" y="0"/>
                    </a:lnTo>
                    <a:lnTo>
                      <a:pt x="94" y="0"/>
                    </a:lnTo>
                    <a:lnTo>
                      <a:pt x="77" y="2"/>
                    </a:lnTo>
                    <a:lnTo>
                      <a:pt x="64" y="9"/>
                    </a:lnTo>
                    <a:lnTo>
                      <a:pt x="30" y="29"/>
                    </a:lnTo>
                    <a:lnTo>
                      <a:pt x="19" y="38"/>
                    </a:lnTo>
                    <a:lnTo>
                      <a:pt x="11" y="47"/>
                    </a:lnTo>
                    <a:lnTo>
                      <a:pt x="3" y="75"/>
                    </a:lnTo>
                    <a:lnTo>
                      <a:pt x="0" y="83"/>
                    </a:lnTo>
                    <a:lnTo>
                      <a:pt x="3" y="94"/>
                    </a:lnTo>
                    <a:lnTo>
                      <a:pt x="8" y="104"/>
                    </a:lnTo>
                    <a:lnTo>
                      <a:pt x="22" y="122"/>
                    </a:lnTo>
                    <a:lnTo>
                      <a:pt x="33" y="133"/>
                    </a:lnTo>
                    <a:lnTo>
                      <a:pt x="49" y="145"/>
                    </a:lnTo>
                    <a:lnTo>
                      <a:pt x="84" y="160"/>
                    </a:lnTo>
                    <a:lnTo>
                      <a:pt x="67" y="141"/>
                    </a:lnTo>
                    <a:lnTo>
                      <a:pt x="52" y="124"/>
                    </a:lnTo>
                    <a:lnTo>
                      <a:pt x="44" y="108"/>
                    </a:lnTo>
                    <a:lnTo>
                      <a:pt x="47" y="94"/>
                    </a:lnTo>
                    <a:lnTo>
                      <a:pt x="49" y="83"/>
                    </a:lnTo>
                    <a:lnTo>
                      <a:pt x="44" y="70"/>
                    </a:lnTo>
                    <a:lnTo>
                      <a:pt x="41" y="59"/>
                    </a:lnTo>
                    <a:lnTo>
                      <a:pt x="55" y="38"/>
                    </a:lnTo>
                    <a:lnTo>
                      <a:pt x="58" y="27"/>
                    </a:lnTo>
                    <a:lnTo>
                      <a:pt x="70" y="18"/>
                    </a:lnTo>
                    <a:lnTo>
                      <a:pt x="94" y="6"/>
                    </a:lnTo>
                    <a:lnTo>
                      <a:pt x="106" y="15"/>
                    </a:lnTo>
                    <a:lnTo>
                      <a:pt x="149" y="30"/>
                    </a:lnTo>
                    <a:lnTo>
                      <a:pt x="145" y="25"/>
                    </a:lnTo>
                  </a:path>
                </a:pathLst>
              </a:custGeom>
              <a:solidFill>
                <a:srgbClr val="CEDA9D"/>
              </a:solidFill>
              <a:ln>
                <a:noFill/>
              </a:ln>
              <a:effectLst/>
              <a:extLst>
                <a:ext uri="{91240B29-F687-4F45-9708-019B960494DF}">
                  <a14:hiddenLine xmlns:a14="http://schemas.microsoft.com/office/drawing/2010/main" w="9525" cap="rnd">
                    <a:solidFill>
                      <a:schemeClr val="tx1"/>
                    </a:solidFill>
                    <a:round/>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p>
                <a:endParaRPr lang="en-US"/>
              </a:p>
            </p:txBody>
          </p:sp>
        </p:grpSp>
      </p:grpSp>
    </p:spTree>
    <p:extLst>
      <p:ext uri="{BB962C8B-B14F-4D97-AF65-F5344CB8AC3E}">
        <p14:creationId xmlns:p14="http://schemas.microsoft.com/office/powerpoint/2010/main" val="891149846"/>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Lst>
  <p:txStyles>
    <p:titleStyle>
      <a:lvl1pPr algn="ctr" defTabSz="914400" rtl="0" eaLnBrk="1" latinLnBrk="0" hangingPunct="1">
        <a:lnSpc>
          <a:spcPts val="5800"/>
        </a:lnSpc>
        <a:spcBef>
          <a:spcPct val="0"/>
        </a:spcBef>
        <a:buNone/>
        <a:defRPr sz="4800" kern="1200">
          <a:solidFill>
            <a:schemeClr val="accent1">
              <a:lumMod val="50000"/>
            </a:schemeClr>
          </a:solidFill>
          <a:effectLst>
            <a:outerShdw blurRad="63500" dist="38100" dir="5400000" algn="t" rotWithShape="0">
              <a:prstClr val="black">
                <a:alpha val="25000"/>
              </a:prstClr>
            </a:outerShdw>
          </a:effectLst>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2400" kern="1200">
          <a:solidFill>
            <a:schemeClr val="tx2"/>
          </a:solidFill>
          <a:latin typeface="+mn-lt"/>
          <a:ea typeface="+mn-ea"/>
          <a:cs typeface="+mn-cs"/>
        </a:defRPr>
      </a:lvl1pPr>
      <a:lvl2pPr marL="742950" indent="-285750" algn="l" defTabSz="914400" rtl="0" eaLnBrk="1" latinLnBrk="0" hangingPunct="1">
        <a:spcBef>
          <a:spcPct val="20000"/>
        </a:spcBef>
        <a:buFont typeface="Courier New" pitchFamily="49" charset="0"/>
        <a:buChar char="o"/>
        <a:defRPr sz="1600" kern="1200">
          <a:solidFill>
            <a:schemeClr val="tx2"/>
          </a:solidFill>
          <a:latin typeface="+mn-lt"/>
          <a:ea typeface="+mn-ea"/>
          <a:cs typeface="+mn-cs"/>
        </a:defRPr>
      </a:lvl2pPr>
      <a:lvl3pPr marL="1143000" indent="-228600" algn="l" defTabSz="914400" rtl="0" eaLnBrk="1" latinLnBrk="0" hangingPunct="1">
        <a:spcBef>
          <a:spcPct val="20000"/>
        </a:spcBef>
        <a:buFont typeface="Arial" pitchFamily="34" charset="0"/>
        <a:buChar char="•"/>
        <a:defRPr sz="1600" kern="1200">
          <a:solidFill>
            <a:schemeClr val="tx2"/>
          </a:solidFill>
          <a:latin typeface="+mn-lt"/>
          <a:ea typeface="+mn-ea"/>
          <a:cs typeface="+mn-cs"/>
        </a:defRPr>
      </a:lvl3pPr>
      <a:lvl4pPr marL="1600200" indent="-228600" algn="l" defTabSz="914400" rtl="0" eaLnBrk="1" latinLnBrk="0" hangingPunct="1">
        <a:spcBef>
          <a:spcPct val="20000"/>
        </a:spcBef>
        <a:buFont typeface="Courier New" pitchFamily="49" charset="0"/>
        <a:buChar char="o"/>
        <a:defRPr sz="1600" kern="1200">
          <a:solidFill>
            <a:schemeClr val="tx2"/>
          </a:solidFill>
          <a:latin typeface="+mn-lt"/>
          <a:ea typeface="+mn-ea"/>
          <a:cs typeface="+mn-cs"/>
        </a:defRPr>
      </a:lvl4pPr>
      <a:lvl5pPr marL="2057400" indent="-228600" algn="l" defTabSz="914400" rtl="0" eaLnBrk="1" latinLnBrk="0" hangingPunct="1">
        <a:spcBef>
          <a:spcPct val="20000"/>
        </a:spcBef>
        <a:buFont typeface="Arial" pitchFamily="34" charset="0"/>
        <a:buChar char="•"/>
        <a:defRPr sz="1600" kern="1200">
          <a:solidFill>
            <a:schemeClr val="tx2"/>
          </a:solidFill>
          <a:latin typeface="+mn-lt"/>
          <a:ea typeface="+mn-ea"/>
          <a:cs typeface="+mn-cs"/>
        </a:defRPr>
      </a:lvl5pPr>
      <a:lvl6pPr marL="2514600" indent="-228600" algn="l" defTabSz="914400" rtl="0" eaLnBrk="1" latinLnBrk="0" hangingPunct="1">
        <a:spcBef>
          <a:spcPct val="20000"/>
        </a:spcBef>
        <a:buFont typeface="Courier New" pitchFamily="49" charset="0"/>
        <a:buChar char="o"/>
        <a:defRPr sz="1600" kern="1200">
          <a:solidFill>
            <a:schemeClr val="tx1">
              <a:lumMod val="50000"/>
              <a:lumOff val="50000"/>
            </a:schemeClr>
          </a:solidFill>
          <a:latin typeface="+mj-lt"/>
          <a:ea typeface="+mn-ea"/>
          <a:cs typeface="+mn-cs"/>
        </a:defRPr>
      </a:lvl6pPr>
      <a:lvl7pPr marL="2971800" indent="-228600" algn="l" defTabSz="914400" rtl="0" eaLnBrk="1" latinLnBrk="0" hangingPunct="1">
        <a:spcBef>
          <a:spcPct val="20000"/>
        </a:spcBef>
        <a:buFont typeface="Arial" pitchFamily="34" charset="0"/>
        <a:buChar char="•"/>
        <a:defRPr sz="1600" kern="1200">
          <a:solidFill>
            <a:schemeClr val="tx1">
              <a:lumMod val="50000"/>
              <a:lumOff val="50000"/>
            </a:schemeClr>
          </a:solidFill>
          <a:latin typeface="+mj-lt"/>
          <a:ea typeface="+mn-ea"/>
          <a:cs typeface="+mn-cs"/>
        </a:defRPr>
      </a:lvl7pPr>
      <a:lvl8pPr marL="3429000" indent="-228600" algn="l" defTabSz="914400" rtl="0" eaLnBrk="1" latinLnBrk="0" hangingPunct="1">
        <a:spcBef>
          <a:spcPct val="20000"/>
        </a:spcBef>
        <a:buFont typeface="Courier New" pitchFamily="49" charset="0"/>
        <a:buChar char="o"/>
        <a:defRPr sz="1600" kern="1200">
          <a:solidFill>
            <a:schemeClr val="tx1">
              <a:lumMod val="50000"/>
              <a:lumOff val="50000"/>
            </a:schemeClr>
          </a:solidFill>
          <a:latin typeface="+mj-lt"/>
          <a:ea typeface="+mn-ea"/>
          <a:cs typeface="+mn-cs"/>
        </a:defRPr>
      </a:lvl8pPr>
      <a:lvl9pPr marL="3886200" indent="-228600" algn="l" defTabSz="914400" rtl="0" eaLnBrk="1" latinLnBrk="0" hangingPunct="1">
        <a:spcBef>
          <a:spcPct val="20000"/>
        </a:spcBef>
        <a:buFont typeface="Arial" pitchFamily="34" charset="0"/>
        <a:buChar char="•"/>
        <a:defRPr sz="1600" kern="1200">
          <a:solidFill>
            <a:schemeClr val="tx1">
              <a:lumMod val="50000"/>
              <a:lumOff val="50000"/>
            </a:schemeClr>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0" orient="horz" pos="2160" userDrawn="1">
          <p15:clr>
            <a:srgbClr val="F26B43"/>
          </p15:clr>
        </p15:guide>
        <p15:guide id="1" pos="3840" userDrawn="1">
          <p15:clr>
            <a:srgbClr val="F26B43"/>
          </p15:clr>
        </p15:guide>
        <p15:guide id="2" orient="horz" pos="3312" userDrawn="1">
          <p15:clr>
            <a:srgbClr val="F26B43"/>
          </p15:clr>
        </p15:guide>
        <p15:guide id="3" orient="horz" pos="1008" userDrawn="1">
          <p15:clr>
            <a:srgbClr val="F26B43"/>
          </p15:clr>
        </p15:guide>
        <p15:guide id="4" orient="horz" pos="1152" userDrawn="1">
          <p15:clr>
            <a:srgbClr val="F26B43"/>
          </p15:clr>
        </p15:guide>
        <p15:guide id="5" pos="384" userDrawn="1">
          <p15:clr>
            <a:srgbClr val="F26B43"/>
          </p15:clr>
        </p15:guide>
        <p15:guide id="6" pos="7296"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5164158-0CE9-4349-B3F5-2F2E57F0D0CB}" type="datetimeFigureOut">
              <a:rPr lang="en-US" smtClean="0">
                <a:solidFill>
                  <a:srgbClr val="000000">
                    <a:tint val="75000"/>
                  </a:srgbClr>
                </a:solidFill>
              </a:rPr>
              <a:pPr/>
              <a:t>4/19/2018</a:t>
            </a:fld>
            <a:endParaRPr lang="en-US">
              <a:solidFill>
                <a:srgbClr val="000000">
                  <a:tint val="75000"/>
                </a:srgbClr>
              </a:solidFill>
            </a:endParaRPr>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solidFill>
                <a:srgbClr val="000000">
                  <a:tint val="75000"/>
                </a:srgbClr>
              </a:solidFill>
            </a:endParaRPr>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B259CC6-7B72-4137-928D-D85C24DCBB66}" type="slidenum">
              <a:rPr lang="en-US" smtClean="0">
                <a:solidFill>
                  <a:srgbClr val="000000">
                    <a:tint val="75000"/>
                  </a:srgbClr>
                </a:solidFill>
              </a:rPr>
              <a:pPr/>
              <a:t>‹#›</a:t>
            </a:fld>
            <a:endParaRPr lang="en-US">
              <a:solidFill>
                <a:srgbClr val="000000">
                  <a:tint val="75000"/>
                </a:srgbClr>
              </a:solidFill>
            </a:endParaRPr>
          </a:p>
        </p:txBody>
      </p:sp>
    </p:spTree>
    <p:extLst>
      <p:ext uri="{BB962C8B-B14F-4D97-AF65-F5344CB8AC3E}">
        <p14:creationId xmlns:p14="http://schemas.microsoft.com/office/powerpoint/2010/main" val="1911488993"/>
      </p:ext>
    </p:extLst>
  </p:cSld>
  <p:clrMap bg1="lt1" tx1="dk1" bg2="lt2" tx2="dk2" accent1="accent1" accent2="accent2" accent3="accent3" accent4="accent4" accent5="accent5" accent6="accent6" hlink="hlink" folHlink="folHlink"/>
  <p:sldLayoutIdLst>
    <p:sldLayoutId id="2147483709" r:id="rId1"/>
    <p:sldLayoutId id="2147483710"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14.xml.rels><?xml version="1.0" encoding="UTF-8" standalone="yes"?>
<Relationships xmlns="http://schemas.openxmlformats.org/package/2006/relationships"><Relationship Id="rId8" Type="http://schemas.openxmlformats.org/officeDocument/2006/relationships/hyperlink" Target="https://www.youtube.com/playlist?list=PLQWyDJgd1fvU9g9hOTw7F0hq3yywYN75I" TargetMode="External"/><Relationship Id="rId3" Type="http://schemas.openxmlformats.org/officeDocument/2006/relationships/image" Target="../media/image8.png"/><Relationship Id="rId7" Type="http://schemas.openxmlformats.org/officeDocument/2006/relationships/image" Target="../media/image2.png"/><Relationship Id="rId2" Type="http://schemas.openxmlformats.org/officeDocument/2006/relationships/notesSlide" Target="../notesSlides/notesSlide12.xml"/><Relationship Id="rId1" Type="http://schemas.openxmlformats.org/officeDocument/2006/relationships/slideLayout" Target="../slideLayouts/slideLayout2.xml"/><Relationship Id="rId6" Type="http://schemas.openxmlformats.org/officeDocument/2006/relationships/image" Target="../media/image11.emf"/><Relationship Id="rId5" Type="http://schemas.openxmlformats.org/officeDocument/2006/relationships/image" Target="../media/image10.emf"/><Relationship Id="rId4" Type="http://schemas.openxmlformats.org/officeDocument/2006/relationships/image" Target="../media/image9.emf"/></Relationships>
</file>

<file path=ppt/slides/_rels/slide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16.xml"/><Relationship Id="rId1" Type="http://schemas.openxmlformats.org/officeDocument/2006/relationships/slideLayout" Target="../slideLayouts/slideLayout7.xml"/><Relationship Id="rId6" Type="http://schemas.openxmlformats.org/officeDocument/2006/relationships/image" Target="../media/image14.jpeg"/><Relationship Id="rId5" Type="http://schemas.openxmlformats.org/officeDocument/2006/relationships/image" Target="../media/image13.jpeg"/><Relationship Id="rId4" Type="http://schemas.openxmlformats.org/officeDocument/2006/relationships/image" Target="../media/image12.png"/></Relationships>
</file>

<file path=ppt/slides/_rels/slide19.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17.xml"/><Relationship Id="rId1" Type="http://schemas.openxmlformats.org/officeDocument/2006/relationships/slideLayout" Target="../slideLayouts/slideLayout7.xml"/><Relationship Id="rId4" Type="http://schemas.openxmlformats.org/officeDocument/2006/relationships/image" Target="../media/image2.png"/></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2.png"/></Relationships>
</file>

<file path=ppt/slides/_rels/slide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6.xml"/><Relationship Id="rId1" Type="http://schemas.openxmlformats.org/officeDocument/2006/relationships/slideLayout" Target="../slideLayouts/slideLayout4.xml"/><Relationship Id="rId5" Type="http://schemas.openxmlformats.org/officeDocument/2006/relationships/image" Target="../media/image2.png"/><Relationship Id="rId4" Type="http://schemas.openxmlformats.org/officeDocument/2006/relationships/image" Target="../media/image6.png"/></Relationships>
</file>

<file path=ppt/slides/_rels/slide8.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slideLayout" Target="../slideLayouts/slideLayout1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s>
</file>

<file path=ppt/slides/_rels/slide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291287" y="1466548"/>
            <a:ext cx="10249989" cy="1140823"/>
          </a:xfrm>
        </p:spPr>
        <p:txBody>
          <a:bodyPr/>
          <a:lstStyle/>
          <a:p>
            <a:r>
              <a:rPr lang="en-US" sz="4400" dirty="0" smtClean="0"/>
              <a:t>Legalization in California</a:t>
            </a:r>
            <a:br>
              <a:rPr lang="en-US" sz="4400" dirty="0" smtClean="0"/>
            </a:br>
            <a:r>
              <a:rPr lang="en-US" sz="4400" dirty="0" smtClean="0"/>
              <a:t>Alameda County’s Perspective</a:t>
            </a:r>
            <a:endParaRPr lang="en-US" sz="4400" dirty="0"/>
          </a:p>
        </p:txBody>
      </p:sp>
      <p:sp>
        <p:nvSpPr>
          <p:cNvPr id="3" name="Subtitle 2"/>
          <p:cNvSpPr>
            <a:spLocks noGrp="1"/>
          </p:cNvSpPr>
          <p:nvPr>
            <p:ph type="subTitle" idx="1"/>
          </p:nvPr>
        </p:nvSpPr>
        <p:spPr>
          <a:xfrm>
            <a:off x="1614482" y="2971060"/>
            <a:ext cx="8830491" cy="1532709"/>
          </a:xfrm>
        </p:spPr>
        <p:txBody>
          <a:bodyPr>
            <a:normAutofit fontScale="92500" lnSpcReduction="10000"/>
          </a:bodyPr>
          <a:lstStyle/>
          <a:p>
            <a:r>
              <a:rPr lang="en-US" dirty="0" smtClean="0"/>
              <a:t>Nate Miley</a:t>
            </a:r>
          </a:p>
          <a:p>
            <a:r>
              <a:rPr lang="en-US" dirty="0" smtClean="0"/>
              <a:t>Alameda County Board of Supervisors, District 4</a:t>
            </a:r>
          </a:p>
          <a:p>
            <a:r>
              <a:rPr lang="en-US" dirty="0" smtClean="0"/>
              <a:t>California State Association of Counties Cannabis (CSAC)</a:t>
            </a:r>
          </a:p>
          <a:p>
            <a:r>
              <a:rPr lang="en-US" dirty="0" smtClean="0"/>
              <a:t>Working Group Co-Chair</a:t>
            </a:r>
            <a:endParaRPr lang="en-US" dirty="0"/>
          </a:p>
        </p:txBody>
      </p:sp>
      <p:sp>
        <p:nvSpPr>
          <p:cNvPr id="8" name="TextBox 7"/>
          <p:cNvSpPr txBox="1"/>
          <p:nvPr/>
        </p:nvSpPr>
        <p:spPr>
          <a:xfrm>
            <a:off x="3863095" y="5803932"/>
            <a:ext cx="4125113" cy="461665"/>
          </a:xfrm>
          <a:prstGeom prst="rect">
            <a:avLst/>
          </a:prstGeom>
          <a:noFill/>
          <a:ln>
            <a:solidFill>
              <a:schemeClr val="bg2"/>
            </a:solidFill>
          </a:ln>
        </p:spPr>
        <p:txBody>
          <a:bodyPr wrap="square" rtlCol="0" anchor="ctr" anchorCtr="1">
            <a:spAutoFit/>
          </a:bodyPr>
          <a:lstStyle/>
          <a:p>
            <a:r>
              <a:rPr lang="en-US" sz="2400" dirty="0" smtClean="0">
                <a:solidFill>
                  <a:schemeClr val="tx2"/>
                </a:solidFill>
              </a:rPr>
              <a:t>April 20, 2018</a:t>
            </a:r>
            <a:endParaRPr lang="en-US" sz="2400" dirty="0">
              <a:solidFill>
                <a:schemeClr val="tx2"/>
              </a:solidFill>
            </a:endParaRPr>
          </a:p>
        </p:txBody>
      </p:sp>
      <p:pic>
        <p:nvPicPr>
          <p:cNvPr id="9" name="Picture 8"/>
          <p:cNvPicPr>
            <a:picLocks noChangeAspect="1"/>
          </p:cNvPicPr>
          <p:nvPr/>
        </p:nvPicPr>
        <p:blipFill>
          <a:blip r:embed="rId3"/>
          <a:stretch>
            <a:fillRect/>
          </a:stretch>
        </p:blipFill>
        <p:spPr>
          <a:xfrm>
            <a:off x="55493" y="102904"/>
            <a:ext cx="2085013" cy="2085013"/>
          </a:xfrm>
          <a:prstGeom prst="rect">
            <a:avLst/>
          </a:prstGeom>
        </p:spPr>
      </p:pic>
      <p:sp>
        <p:nvSpPr>
          <p:cNvPr id="6" name="TextBox 5"/>
          <p:cNvSpPr txBox="1"/>
          <p:nvPr/>
        </p:nvSpPr>
        <p:spPr>
          <a:xfrm>
            <a:off x="2787805" y="4878413"/>
            <a:ext cx="6824546" cy="461665"/>
          </a:xfrm>
          <a:prstGeom prst="rect">
            <a:avLst/>
          </a:prstGeom>
          <a:noFill/>
          <a:ln>
            <a:solidFill>
              <a:schemeClr val="bg2"/>
            </a:solidFill>
          </a:ln>
        </p:spPr>
        <p:txBody>
          <a:bodyPr wrap="square" rtlCol="0" anchor="ctr" anchorCtr="1">
            <a:spAutoFit/>
          </a:bodyPr>
          <a:lstStyle/>
          <a:p>
            <a:r>
              <a:rPr lang="en-US" sz="2400" dirty="0" smtClean="0">
                <a:solidFill>
                  <a:schemeClr val="tx2"/>
                </a:solidFill>
              </a:rPr>
              <a:t>National Forum for Black Public Administrators</a:t>
            </a:r>
            <a:endParaRPr lang="en-US" sz="2400" dirty="0">
              <a:solidFill>
                <a:schemeClr val="tx2"/>
              </a:solidFill>
            </a:endParaRPr>
          </a:p>
        </p:txBody>
      </p:sp>
    </p:spTree>
    <p:extLst>
      <p:ext uri="{BB962C8B-B14F-4D97-AF65-F5344CB8AC3E}">
        <p14:creationId xmlns:p14="http://schemas.microsoft.com/office/powerpoint/2010/main" val="213578490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47156" y="0"/>
            <a:ext cx="10435244" cy="1600200"/>
          </a:xfrm>
        </p:spPr>
        <p:txBody>
          <a:bodyPr/>
          <a:lstStyle/>
          <a:p>
            <a:r>
              <a:rPr lang="en-US" dirty="0" smtClean="0"/>
              <a:t>What is Allowed in Unincorporated Alameda County </a:t>
            </a:r>
            <a:endParaRPr lang="en-US" dirty="0"/>
          </a:p>
        </p:txBody>
      </p:sp>
      <p:sp>
        <p:nvSpPr>
          <p:cNvPr id="3" name="Content Placeholder 2"/>
          <p:cNvSpPr>
            <a:spLocks noGrp="1"/>
          </p:cNvSpPr>
          <p:nvPr>
            <p:ph idx="1"/>
          </p:nvPr>
        </p:nvSpPr>
        <p:spPr>
          <a:xfrm>
            <a:off x="609600" y="1846262"/>
            <a:ext cx="10972800" cy="4368684"/>
          </a:xfrm>
        </p:spPr>
        <p:txBody>
          <a:bodyPr>
            <a:normAutofit/>
          </a:bodyPr>
          <a:lstStyle/>
          <a:p>
            <a:pPr marL="0" indent="0">
              <a:buNone/>
            </a:pPr>
            <a:r>
              <a:rPr lang="en-US" b="1" dirty="0" smtClean="0"/>
              <a:t>Delivery</a:t>
            </a:r>
          </a:p>
          <a:p>
            <a:pPr marL="0" indent="0">
              <a:buNone/>
            </a:pPr>
            <a:endParaRPr lang="en-US" b="1" dirty="0"/>
          </a:p>
          <a:p>
            <a:r>
              <a:rPr lang="en-US" dirty="0"/>
              <a:t>Delivery operators must obtain a Cannabis Delivery Permit pursuant to Chapter 6.108 of the County General Code</a:t>
            </a:r>
            <a:r>
              <a:rPr lang="en-US" dirty="0" smtClean="0"/>
              <a:t>.</a:t>
            </a:r>
          </a:p>
          <a:p>
            <a:pPr marL="0" indent="0">
              <a:buNone/>
            </a:pPr>
            <a:endParaRPr lang="en-US" dirty="0" smtClean="0"/>
          </a:p>
          <a:p>
            <a:r>
              <a:rPr lang="en-US" dirty="0" smtClean="0"/>
              <a:t>A </a:t>
            </a:r>
            <a:r>
              <a:rPr lang="en-US" dirty="0"/>
              <a:t>Cannabis Delivery Permit can be issued to a "brick and mortar" dispensary holding a valid license or permit to dispense medical cannabis issued by a California city or county.</a:t>
            </a:r>
          </a:p>
          <a:p>
            <a:pPr marL="0" indent="0">
              <a:buNone/>
            </a:pPr>
            <a:endParaRPr lang="en-US" dirty="0"/>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127540211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88966" y="0"/>
            <a:ext cx="10493433" cy="1600200"/>
          </a:xfrm>
        </p:spPr>
        <p:txBody>
          <a:bodyPr/>
          <a:lstStyle/>
          <a:p>
            <a:r>
              <a:rPr lang="en-US" dirty="0" smtClean="0"/>
              <a:t>What is Allowed in Unincorporated Alameda County </a:t>
            </a:r>
            <a:endParaRPr lang="en-US" dirty="0"/>
          </a:p>
        </p:txBody>
      </p:sp>
      <p:sp>
        <p:nvSpPr>
          <p:cNvPr id="3" name="Content Placeholder 2"/>
          <p:cNvSpPr>
            <a:spLocks noGrp="1"/>
          </p:cNvSpPr>
          <p:nvPr>
            <p:ph idx="1"/>
          </p:nvPr>
        </p:nvSpPr>
        <p:spPr>
          <a:xfrm>
            <a:off x="609600" y="1600200"/>
            <a:ext cx="10972800" cy="4614746"/>
          </a:xfrm>
        </p:spPr>
        <p:txBody>
          <a:bodyPr>
            <a:normAutofit fontScale="77500" lnSpcReduction="20000"/>
          </a:bodyPr>
          <a:lstStyle/>
          <a:p>
            <a:pPr marL="0" indent="0">
              <a:buNone/>
            </a:pPr>
            <a:r>
              <a:rPr lang="en-US" b="1" dirty="0"/>
              <a:t>Cultivation</a:t>
            </a:r>
          </a:p>
          <a:p>
            <a:r>
              <a:rPr lang="en-US" sz="2100" dirty="0"/>
              <a:t>Up to six (6) cultivation sites in total may be permitted in unincorporated Alameda County as part of a two year pilot program for cannabis cultivation</a:t>
            </a:r>
            <a:r>
              <a:rPr lang="en-US" sz="2100" dirty="0" smtClean="0"/>
              <a:t>:</a:t>
            </a:r>
          </a:p>
          <a:p>
            <a:pPr marL="0" indent="0">
              <a:buNone/>
            </a:pPr>
            <a:endParaRPr lang="en-US" sz="2100" dirty="0"/>
          </a:p>
          <a:p>
            <a:pPr lvl="1"/>
            <a:r>
              <a:rPr lang="en-US" dirty="0"/>
              <a:t>Two (2) cultivation permits are available to existing dispensary operators in unincorporated Alameda County only, subject to those operators obtaining a Cannabis Cultivation Permit pursuant to Chapter 6.106 of the County General Code and a CUP; and</a:t>
            </a:r>
          </a:p>
          <a:p>
            <a:pPr lvl="1"/>
            <a:r>
              <a:rPr lang="en-US" dirty="0"/>
              <a:t>The remaining four (4) cultivation permits are available to the general public, subject to an RFP process and the selected candidate(s) obtaining a Cannabis Cultivation Permit and a CUP</a:t>
            </a:r>
            <a:r>
              <a:rPr lang="en-US" dirty="0" smtClean="0"/>
              <a:t>.</a:t>
            </a:r>
          </a:p>
          <a:p>
            <a:pPr marL="457200" lvl="1" indent="0">
              <a:buNone/>
            </a:pPr>
            <a:endParaRPr lang="en-US" dirty="0"/>
          </a:p>
          <a:p>
            <a:r>
              <a:rPr lang="en-US" sz="2100" dirty="0"/>
              <a:t>Cultivation operations can be permitted in the Agricultural Zoning District only</a:t>
            </a:r>
            <a:r>
              <a:rPr lang="en-US" sz="2100" dirty="0" smtClean="0"/>
              <a:t>.</a:t>
            </a:r>
          </a:p>
          <a:p>
            <a:pPr marL="0" indent="0">
              <a:buNone/>
            </a:pPr>
            <a:endParaRPr lang="en-US" sz="2100" dirty="0"/>
          </a:p>
          <a:p>
            <a:r>
              <a:rPr lang="en-US" sz="2100" dirty="0"/>
              <a:t>A cultivation operation must not be located within 1,000 feet of any school, licensed child or day care facility, public park or playground, drug recovery facility or recreation center and must not be within 50 feet from any adjacent property line or 300 feet from any residence on an adjacent property, unless waived in writing by the adjacent owner</a:t>
            </a:r>
            <a:r>
              <a:rPr lang="en-US" sz="2100" dirty="0" smtClean="0"/>
              <a:t>.</a:t>
            </a:r>
          </a:p>
          <a:p>
            <a:pPr marL="0" indent="0">
              <a:buNone/>
            </a:pPr>
            <a:endParaRPr lang="en-US" sz="2100" dirty="0"/>
          </a:p>
          <a:p>
            <a:r>
              <a:rPr lang="en-US" sz="2100" dirty="0"/>
              <a:t>Cultivation operations will be required to comply with the County's Performance Standards and Standard Conditions for Pilot Program Cultivation Sites which, among other things, limit the maximum cultivation area for any cultivation site to 22,000 square feet. The Performance Standards and Standard Conditions may be amended by the CDA Director during the implementation of the Pilot Program.</a:t>
            </a:r>
          </a:p>
          <a:p>
            <a:pPr marL="0" indent="0">
              <a:buNone/>
            </a:pPr>
            <a:endParaRPr lang="en-US" dirty="0"/>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2121026638"/>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7735" y="5156"/>
            <a:ext cx="10972800" cy="1600200"/>
          </a:xfrm>
        </p:spPr>
        <p:txBody>
          <a:bodyPr/>
          <a:lstStyle/>
          <a:p>
            <a:r>
              <a:rPr lang="en-US" dirty="0" smtClean="0"/>
              <a:t>Phase II Considerations in Unincorporated Alameda County </a:t>
            </a:r>
            <a:endParaRPr lang="en-US" dirty="0"/>
          </a:p>
        </p:txBody>
      </p:sp>
      <p:sp>
        <p:nvSpPr>
          <p:cNvPr id="3" name="Content Placeholder 2"/>
          <p:cNvSpPr>
            <a:spLocks noGrp="1"/>
          </p:cNvSpPr>
          <p:nvPr>
            <p:ph idx="1"/>
          </p:nvPr>
        </p:nvSpPr>
        <p:spPr>
          <a:xfrm>
            <a:off x="609600" y="1600200"/>
            <a:ext cx="10972800" cy="4614746"/>
          </a:xfrm>
        </p:spPr>
        <p:txBody>
          <a:bodyPr>
            <a:normAutofit/>
          </a:bodyPr>
          <a:lstStyle/>
          <a:p>
            <a:r>
              <a:rPr lang="en-US" dirty="0"/>
              <a:t>Recently-adopted County ordinances address cannabis retail sales, delivery, and cultivation, but not manufacturing, distribution, testing laboratories, or microbusinesses. In order to allow these additional uses in the unincorporated area, amendments to the County Ordinance Code, similar to those for retail sales and cultivation, would need to be adopted. </a:t>
            </a:r>
            <a:endParaRPr lang="en-US" dirty="0" smtClean="0"/>
          </a:p>
          <a:p>
            <a:endParaRPr lang="en-US" dirty="0"/>
          </a:p>
          <a:p>
            <a:r>
              <a:rPr lang="en-US" dirty="0" smtClean="0"/>
              <a:t>Alameda County will be considering these additional license types:</a:t>
            </a:r>
          </a:p>
          <a:p>
            <a:pPr lvl="2">
              <a:buFont typeface="Wingdings" panose="05000000000000000000" pitchFamily="2" charset="2"/>
              <a:buChar char="ü"/>
            </a:pPr>
            <a:r>
              <a:rPr lang="en-US" dirty="0" smtClean="0"/>
              <a:t>Manufacturing</a:t>
            </a:r>
          </a:p>
          <a:p>
            <a:pPr lvl="2">
              <a:buFont typeface="Wingdings" panose="05000000000000000000" pitchFamily="2" charset="2"/>
              <a:buChar char="ü"/>
            </a:pPr>
            <a:r>
              <a:rPr lang="en-US" dirty="0" smtClean="0"/>
              <a:t>Testing</a:t>
            </a:r>
          </a:p>
          <a:p>
            <a:pPr lvl="2">
              <a:buFont typeface="Wingdings" panose="05000000000000000000" pitchFamily="2" charset="2"/>
              <a:buChar char="ü"/>
            </a:pPr>
            <a:r>
              <a:rPr lang="en-US" dirty="0" smtClean="0"/>
              <a:t>Distribution</a:t>
            </a:r>
          </a:p>
          <a:p>
            <a:pPr lvl="2">
              <a:buFont typeface="Wingdings" panose="05000000000000000000" pitchFamily="2" charset="2"/>
              <a:buChar char="ü"/>
            </a:pPr>
            <a:r>
              <a:rPr lang="en-US" dirty="0" smtClean="0"/>
              <a:t>Microbusiness</a:t>
            </a:r>
          </a:p>
          <a:p>
            <a:pPr lvl="2">
              <a:buFont typeface="Wingdings" panose="05000000000000000000" pitchFamily="2" charset="2"/>
              <a:buChar char="ü"/>
            </a:pPr>
            <a:endParaRPr lang="en-US" dirty="0"/>
          </a:p>
        </p:txBody>
      </p:sp>
      <p:pic>
        <p:nvPicPr>
          <p:cNvPr id="4" name="Picture 3"/>
          <p:cNvPicPr>
            <a:picLocks noChangeAspect="1"/>
          </p:cNvPicPr>
          <p:nvPr/>
        </p:nvPicPr>
        <p:blipFill>
          <a:blip r:embed="rId3"/>
          <a:stretch>
            <a:fillRect/>
          </a:stretch>
        </p:blipFill>
        <p:spPr>
          <a:xfrm>
            <a:off x="96746" y="68529"/>
            <a:ext cx="1152318" cy="1152318"/>
          </a:xfrm>
          <a:prstGeom prst="rect">
            <a:avLst/>
          </a:prstGeom>
        </p:spPr>
      </p:pic>
    </p:spTree>
    <p:extLst>
      <p:ext uri="{BB962C8B-B14F-4D97-AF65-F5344CB8AC3E}">
        <p14:creationId xmlns:p14="http://schemas.microsoft.com/office/powerpoint/2010/main" val="2769921679"/>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130530" y="0"/>
            <a:ext cx="10451869" cy="1152293"/>
          </a:xfrm>
        </p:spPr>
        <p:txBody>
          <a:bodyPr/>
          <a:lstStyle/>
          <a:p>
            <a:r>
              <a:rPr lang="en-US" sz="3200" dirty="0" smtClean="0"/>
              <a:t>State Temporary Licenses Issued in Alameda County</a:t>
            </a:r>
            <a:endParaRPr lang="en-US" sz="3200" dirty="0"/>
          </a:p>
        </p:txBody>
      </p:sp>
      <p:pic>
        <p:nvPicPr>
          <p:cNvPr id="7" name="Content Placeholder 6"/>
          <p:cNvPicPr>
            <a:picLocks noGrp="1" noChangeAspect="1"/>
          </p:cNvPicPr>
          <p:nvPr>
            <p:ph idx="1"/>
          </p:nvPr>
        </p:nvPicPr>
        <p:blipFill>
          <a:blip r:embed="rId3"/>
          <a:stretch>
            <a:fillRect/>
          </a:stretch>
        </p:blipFill>
        <p:spPr>
          <a:xfrm>
            <a:off x="3025833" y="1152293"/>
            <a:ext cx="6668294" cy="5684528"/>
          </a:xfrm>
          <a:prstGeom prst="rect">
            <a:avLst/>
          </a:prstGeom>
          <a:ln w="38100">
            <a:solidFill>
              <a:schemeClr val="accent3"/>
            </a:solidFill>
          </a:ln>
          <a:scene3d>
            <a:camera prst="orthographicFront"/>
            <a:lightRig rig="threePt" dir="t"/>
          </a:scene3d>
          <a:sp3d>
            <a:bevelT/>
          </a:sp3d>
        </p:spPr>
      </p:pic>
      <p:pic>
        <p:nvPicPr>
          <p:cNvPr id="4" name="Picture 3"/>
          <p:cNvPicPr>
            <a:picLocks noChangeAspect="1"/>
          </p:cNvPicPr>
          <p:nvPr/>
        </p:nvPicPr>
        <p:blipFill>
          <a:blip r:embed="rId4"/>
          <a:stretch>
            <a:fillRect/>
          </a:stretch>
        </p:blipFill>
        <p:spPr>
          <a:xfrm>
            <a:off x="55494" y="102905"/>
            <a:ext cx="1152318" cy="1152318"/>
          </a:xfrm>
          <a:prstGeom prst="rect">
            <a:avLst/>
          </a:prstGeom>
        </p:spPr>
      </p:pic>
    </p:spTree>
    <p:extLst>
      <p:ext uri="{BB962C8B-B14F-4D97-AF65-F5344CB8AC3E}">
        <p14:creationId xmlns:p14="http://schemas.microsoft.com/office/powerpoint/2010/main" val="295497771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88966" y="0"/>
            <a:ext cx="10493433" cy="1600200"/>
          </a:xfrm>
        </p:spPr>
        <p:txBody>
          <a:bodyPr/>
          <a:lstStyle/>
          <a:p>
            <a:r>
              <a:rPr lang="en-US" dirty="0" smtClean="0"/>
              <a:t>Alameda County Hosted the Three Licensing Agencies </a:t>
            </a:r>
            <a:endParaRPr lang="en-US" dirty="0"/>
          </a:p>
        </p:txBody>
      </p:sp>
      <p:pic>
        <p:nvPicPr>
          <p:cNvPr id="1026" name="Picture 2" descr="Image result for cal cannabis manufacturing logo"/>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2037188" y="3344506"/>
            <a:ext cx="6838950" cy="3419475"/>
          </a:xfrm>
          <a:prstGeom prst="rect">
            <a:avLst/>
          </a:prstGeom>
          <a:noFill/>
          <a:extLst>
            <a:ext uri="{909E8E84-426E-40DD-AFC4-6F175D3DCCD1}">
              <a14:hiddenFill xmlns:a14="http://schemas.microsoft.com/office/drawing/2010/main">
                <a:solidFill>
                  <a:srgbClr val="FFFFFF"/>
                </a:solidFill>
              </a14:hiddenFill>
            </a:ext>
          </a:extLst>
        </p:spPr>
      </p:pic>
      <p:pic>
        <p:nvPicPr>
          <p:cNvPr id="4" name="Picture 3"/>
          <p:cNvPicPr>
            <a:picLocks noChangeAspect="1"/>
          </p:cNvPicPr>
          <p:nvPr/>
        </p:nvPicPr>
        <p:blipFill>
          <a:blip r:embed="rId4"/>
          <a:stretch>
            <a:fillRect/>
          </a:stretch>
        </p:blipFill>
        <p:spPr>
          <a:xfrm>
            <a:off x="260193" y="1541890"/>
            <a:ext cx="3388547" cy="1737360"/>
          </a:xfrm>
          <a:prstGeom prst="rect">
            <a:avLst/>
          </a:prstGeom>
          <a:ln w="12700">
            <a:solidFill>
              <a:srgbClr val="92D050"/>
            </a:solidFill>
          </a:ln>
        </p:spPr>
      </p:pic>
      <p:pic>
        <p:nvPicPr>
          <p:cNvPr id="6" name="Picture 5"/>
          <p:cNvPicPr>
            <a:picLocks noChangeAspect="1"/>
          </p:cNvPicPr>
          <p:nvPr/>
        </p:nvPicPr>
        <p:blipFill>
          <a:blip r:embed="rId5"/>
          <a:stretch>
            <a:fillRect/>
          </a:stretch>
        </p:blipFill>
        <p:spPr>
          <a:xfrm>
            <a:off x="4372538" y="1541890"/>
            <a:ext cx="3110046" cy="1737360"/>
          </a:xfrm>
          <a:prstGeom prst="rect">
            <a:avLst/>
          </a:prstGeom>
          <a:ln w="12700">
            <a:solidFill>
              <a:srgbClr val="92D050"/>
            </a:solidFill>
          </a:ln>
        </p:spPr>
      </p:pic>
      <p:pic>
        <p:nvPicPr>
          <p:cNvPr id="7" name="Picture 6"/>
          <p:cNvPicPr>
            <a:picLocks noChangeAspect="1"/>
          </p:cNvPicPr>
          <p:nvPr/>
        </p:nvPicPr>
        <p:blipFill>
          <a:blip r:embed="rId6"/>
          <a:stretch>
            <a:fillRect/>
          </a:stretch>
        </p:blipFill>
        <p:spPr>
          <a:xfrm>
            <a:off x="7998227" y="1541890"/>
            <a:ext cx="4078086" cy="1737360"/>
          </a:xfrm>
          <a:prstGeom prst="rect">
            <a:avLst/>
          </a:prstGeom>
          <a:ln w="19050">
            <a:solidFill>
              <a:schemeClr val="accent1"/>
            </a:solidFill>
          </a:ln>
        </p:spPr>
      </p:pic>
      <p:pic>
        <p:nvPicPr>
          <p:cNvPr id="8" name="Picture 7"/>
          <p:cNvPicPr>
            <a:picLocks noChangeAspect="1"/>
          </p:cNvPicPr>
          <p:nvPr/>
        </p:nvPicPr>
        <p:blipFill>
          <a:blip r:embed="rId7"/>
          <a:stretch>
            <a:fillRect/>
          </a:stretch>
        </p:blipFill>
        <p:spPr>
          <a:xfrm>
            <a:off x="55494" y="102905"/>
            <a:ext cx="1152318" cy="1152318"/>
          </a:xfrm>
          <a:prstGeom prst="rect">
            <a:avLst/>
          </a:prstGeom>
        </p:spPr>
      </p:pic>
      <p:sp>
        <p:nvSpPr>
          <p:cNvPr id="3" name="TextBox 2"/>
          <p:cNvSpPr txBox="1"/>
          <p:nvPr/>
        </p:nvSpPr>
        <p:spPr>
          <a:xfrm>
            <a:off x="8972121" y="3935679"/>
            <a:ext cx="2928830" cy="1661993"/>
          </a:xfrm>
          <a:prstGeom prst="rect">
            <a:avLst/>
          </a:prstGeom>
          <a:noFill/>
          <a:ln>
            <a:solidFill>
              <a:schemeClr val="bg2"/>
            </a:solidFill>
          </a:ln>
        </p:spPr>
        <p:txBody>
          <a:bodyPr wrap="square" rtlCol="0" anchor="ctr" anchorCtr="1">
            <a:spAutoFit/>
          </a:bodyPr>
          <a:lstStyle/>
          <a:p>
            <a:pPr algn="ctr"/>
            <a:r>
              <a:rPr lang="en-US" dirty="0" smtClean="0">
                <a:solidFill>
                  <a:schemeClr val="tx2"/>
                </a:solidFill>
              </a:rPr>
              <a:t>Link to View the Summit:</a:t>
            </a:r>
          </a:p>
          <a:p>
            <a:pPr algn="ctr"/>
            <a:r>
              <a:rPr lang="en-US" sz="1600" u="sng" dirty="0">
                <a:solidFill>
                  <a:schemeClr val="tx2"/>
                </a:solidFill>
                <a:hlinkClick r:id="rId8"/>
              </a:rPr>
              <a:t>https://www.youtube.com/playlist?list=PLQWyDJgd1fvU9g9hOTw7F0hq3yywYN75I</a:t>
            </a:r>
            <a:endParaRPr lang="en-US" sz="1600" dirty="0">
              <a:solidFill>
                <a:schemeClr val="tx2"/>
              </a:solidFill>
            </a:endParaRPr>
          </a:p>
          <a:p>
            <a:endParaRPr lang="en-US" dirty="0"/>
          </a:p>
          <a:p>
            <a:endParaRPr lang="en-US" dirty="0"/>
          </a:p>
        </p:txBody>
      </p:sp>
    </p:spTree>
    <p:extLst>
      <p:ext uri="{BB962C8B-B14F-4D97-AF65-F5344CB8AC3E}">
        <p14:creationId xmlns:p14="http://schemas.microsoft.com/office/powerpoint/2010/main" val="2143244358"/>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9600" y="0"/>
            <a:ext cx="10972800" cy="1388788"/>
          </a:xfrm>
        </p:spPr>
        <p:txBody>
          <a:bodyPr/>
          <a:lstStyle/>
          <a:p>
            <a:r>
              <a:rPr lang="en-US" sz="4000" dirty="0" smtClean="0"/>
              <a:t>Challenges to Legalization for </a:t>
            </a:r>
            <a:br>
              <a:rPr lang="en-US" sz="4000" dirty="0" smtClean="0"/>
            </a:br>
            <a:r>
              <a:rPr lang="en-US" sz="4000" dirty="0" smtClean="0"/>
              <a:t>the </a:t>
            </a:r>
            <a:r>
              <a:rPr lang="en-US" sz="4000" dirty="0" smtClean="0"/>
              <a:t>Cannabis </a:t>
            </a:r>
            <a:r>
              <a:rPr lang="en-US" sz="4000" dirty="0" smtClean="0"/>
              <a:t>Industry in California</a:t>
            </a:r>
            <a:endParaRPr lang="en-US" sz="4000" dirty="0"/>
          </a:p>
        </p:txBody>
      </p:sp>
      <p:pic>
        <p:nvPicPr>
          <p:cNvPr id="7" name="Picture 6"/>
          <p:cNvPicPr>
            <a:picLocks noChangeAspect="1"/>
          </p:cNvPicPr>
          <p:nvPr/>
        </p:nvPicPr>
        <p:blipFill>
          <a:blip r:embed="rId3"/>
          <a:stretch>
            <a:fillRect/>
          </a:stretch>
        </p:blipFill>
        <p:spPr>
          <a:xfrm>
            <a:off x="55494" y="102905"/>
            <a:ext cx="1152318" cy="1152318"/>
          </a:xfrm>
          <a:prstGeom prst="rect">
            <a:avLst/>
          </a:prstGeom>
        </p:spPr>
      </p:pic>
      <p:sp>
        <p:nvSpPr>
          <p:cNvPr id="4" name="TextBox 3"/>
          <p:cNvSpPr txBox="1"/>
          <p:nvPr/>
        </p:nvSpPr>
        <p:spPr>
          <a:xfrm>
            <a:off x="1375036" y="1340447"/>
            <a:ext cx="9205876" cy="4524315"/>
          </a:xfrm>
          <a:prstGeom prst="rect">
            <a:avLst/>
          </a:prstGeom>
          <a:noFill/>
          <a:ln>
            <a:solidFill>
              <a:schemeClr val="bg2"/>
            </a:solidFill>
          </a:ln>
        </p:spPr>
        <p:txBody>
          <a:bodyPr wrap="square" rtlCol="0" anchor="ctr" anchorCtr="1">
            <a:spAutoFit/>
          </a:bodyPr>
          <a:lstStyle/>
          <a:p>
            <a:pPr marL="285750" indent="-285750">
              <a:buFont typeface="Arial" panose="020B0604020202020204" pitchFamily="34" charset="0"/>
              <a:buChar char="•"/>
            </a:pPr>
            <a:r>
              <a:rPr lang="en-US" dirty="0" smtClean="0">
                <a:solidFill>
                  <a:schemeClr val="tx2"/>
                </a:solidFill>
              </a:rPr>
              <a:t>Extremely high taxes has lead to an increase in the black market causing operators to rethink if “coming into the light” is really feasible.</a:t>
            </a:r>
          </a:p>
          <a:p>
            <a:endParaRPr lang="en-US" dirty="0" smtClean="0">
              <a:solidFill>
                <a:schemeClr val="tx2"/>
              </a:solidFill>
            </a:endParaRPr>
          </a:p>
          <a:p>
            <a:pPr marL="285750" indent="-285750">
              <a:buFont typeface="Arial" panose="020B0604020202020204" pitchFamily="34" charset="0"/>
              <a:buChar char="•"/>
            </a:pPr>
            <a:r>
              <a:rPr lang="en-US" dirty="0" smtClean="0">
                <a:solidFill>
                  <a:schemeClr val="tx2"/>
                </a:solidFill>
              </a:rPr>
              <a:t>Lack of a regulatory frame work for banking continues to be a challenge for cannabis businesses.</a:t>
            </a:r>
          </a:p>
          <a:p>
            <a:endParaRPr lang="en-US" dirty="0" smtClean="0">
              <a:solidFill>
                <a:schemeClr val="tx2"/>
              </a:solidFill>
            </a:endParaRPr>
          </a:p>
          <a:p>
            <a:pPr marL="285750" indent="-285750">
              <a:buFont typeface="Arial" panose="020B0604020202020204" pitchFamily="34" charset="0"/>
              <a:buChar char="•"/>
            </a:pPr>
            <a:r>
              <a:rPr lang="en-US" dirty="0" smtClean="0">
                <a:solidFill>
                  <a:schemeClr val="tx2"/>
                </a:solidFill>
              </a:rPr>
              <a:t>Local’s (counties/cities) banning cannabis after having a thriving unregulated industry.</a:t>
            </a:r>
          </a:p>
          <a:p>
            <a:endParaRPr lang="en-US" dirty="0" smtClean="0">
              <a:solidFill>
                <a:schemeClr val="tx2"/>
              </a:solidFill>
            </a:endParaRPr>
          </a:p>
          <a:p>
            <a:pPr marL="285750" indent="-285750">
              <a:buFont typeface="Arial" panose="020B0604020202020204" pitchFamily="34" charset="0"/>
              <a:buChar char="•"/>
            </a:pPr>
            <a:r>
              <a:rPr lang="en-US" dirty="0" smtClean="0">
                <a:solidFill>
                  <a:schemeClr val="tx2"/>
                </a:solidFill>
              </a:rPr>
              <a:t>Barriers to entry for persons of color and women.  (Lack of funds, experience, property, etc.)</a:t>
            </a:r>
          </a:p>
          <a:p>
            <a:pPr marL="285750" indent="-285750">
              <a:buFont typeface="Arial" panose="020B0604020202020204" pitchFamily="34" charset="0"/>
              <a:buChar char="•"/>
            </a:pPr>
            <a:endParaRPr lang="en-US" dirty="0">
              <a:solidFill>
                <a:schemeClr val="tx2"/>
              </a:solidFill>
            </a:endParaRPr>
          </a:p>
          <a:p>
            <a:pPr marL="285750" indent="-285750">
              <a:buFont typeface="Arial" panose="020B0604020202020204" pitchFamily="34" charset="0"/>
              <a:buChar char="•"/>
            </a:pPr>
            <a:r>
              <a:rPr lang="en-US" dirty="0" smtClean="0">
                <a:solidFill>
                  <a:schemeClr val="tx2"/>
                </a:solidFill>
              </a:rPr>
              <a:t>Public sentiment…Not in my backyard (NIMBY)</a:t>
            </a:r>
          </a:p>
          <a:p>
            <a:endParaRPr lang="en-US" dirty="0" smtClean="0">
              <a:solidFill>
                <a:schemeClr val="tx2"/>
              </a:solidFill>
            </a:endParaRPr>
          </a:p>
          <a:p>
            <a:r>
              <a:rPr lang="en-US" b="1" dirty="0">
                <a:solidFill>
                  <a:schemeClr val="tx2"/>
                </a:solidFill>
              </a:rPr>
              <a:t>Legalization is "off to a ragged start," due to black-market sellers siphoning off customers who don't want to pay high </a:t>
            </a:r>
            <a:r>
              <a:rPr lang="en-US" b="1" dirty="0" smtClean="0">
                <a:solidFill>
                  <a:schemeClr val="tx2"/>
                </a:solidFill>
              </a:rPr>
              <a:t>taxes”  -</a:t>
            </a:r>
            <a:r>
              <a:rPr lang="en-US" b="1" dirty="0">
                <a:solidFill>
                  <a:schemeClr val="tx2"/>
                </a:solidFill>
              </a:rPr>
              <a:t>Assemblyman Tom Lackey, R-Palmdale</a:t>
            </a:r>
            <a:endParaRPr lang="en-US" b="1" dirty="0">
              <a:solidFill>
                <a:schemeClr val="tx2"/>
              </a:solidFill>
            </a:endParaRPr>
          </a:p>
        </p:txBody>
      </p:sp>
    </p:spTree>
    <p:extLst>
      <p:ext uri="{BB962C8B-B14F-4D97-AF65-F5344CB8AC3E}">
        <p14:creationId xmlns:p14="http://schemas.microsoft.com/office/powerpoint/2010/main" val="215837712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9600" y="0"/>
            <a:ext cx="10972800" cy="1388788"/>
          </a:xfrm>
        </p:spPr>
        <p:txBody>
          <a:bodyPr/>
          <a:lstStyle/>
          <a:p>
            <a:r>
              <a:rPr lang="en-US" sz="4000" dirty="0" smtClean="0"/>
              <a:t>Best Practices for Counties/Cities</a:t>
            </a:r>
            <a:endParaRPr lang="en-US" sz="4000" dirty="0"/>
          </a:p>
        </p:txBody>
      </p:sp>
      <p:pic>
        <p:nvPicPr>
          <p:cNvPr id="7" name="Picture 6"/>
          <p:cNvPicPr>
            <a:picLocks noChangeAspect="1"/>
          </p:cNvPicPr>
          <p:nvPr/>
        </p:nvPicPr>
        <p:blipFill>
          <a:blip r:embed="rId3"/>
          <a:stretch>
            <a:fillRect/>
          </a:stretch>
        </p:blipFill>
        <p:spPr>
          <a:xfrm>
            <a:off x="55494" y="102905"/>
            <a:ext cx="1152318" cy="1152318"/>
          </a:xfrm>
          <a:prstGeom prst="rect">
            <a:avLst/>
          </a:prstGeom>
        </p:spPr>
      </p:pic>
      <p:sp>
        <p:nvSpPr>
          <p:cNvPr id="4" name="TextBox 3"/>
          <p:cNvSpPr txBox="1"/>
          <p:nvPr/>
        </p:nvSpPr>
        <p:spPr>
          <a:xfrm>
            <a:off x="1375036" y="1478952"/>
            <a:ext cx="9205876" cy="4247317"/>
          </a:xfrm>
          <a:prstGeom prst="rect">
            <a:avLst/>
          </a:prstGeom>
          <a:noFill/>
          <a:ln>
            <a:solidFill>
              <a:schemeClr val="bg2"/>
            </a:solidFill>
          </a:ln>
        </p:spPr>
        <p:txBody>
          <a:bodyPr wrap="square" rtlCol="0" anchor="ctr" anchorCtr="1">
            <a:spAutoFit/>
          </a:bodyPr>
          <a:lstStyle/>
          <a:p>
            <a:pPr marL="285750" indent="-285750">
              <a:buFont typeface="Arial" panose="020B0604020202020204" pitchFamily="34" charset="0"/>
              <a:buChar char="•"/>
            </a:pPr>
            <a:r>
              <a:rPr lang="en-US" dirty="0" smtClean="0">
                <a:solidFill>
                  <a:schemeClr val="tx2"/>
                </a:solidFill>
              </a:rPr>
              <a:t>Working as the Co-Chair for the California Cannabis Program, I have learned th</a:t>
            </a:r>
            <a:r>
              <a:rPr lang="en-US" dirty="0" smtClean="0">
                <a:solidFill>
                  <a:schemeClr val="tx2"/>
                </a:solidFill>
              </a:rPr>
              <a:t>e importance:</a:t>
            </a:r>
          </a:p>
          <a:p>
            <a:endParaRPr lang="en-US" dirty="0" smtClean="0">
              <a:solidFill>
                <a:schemeClr val="tx2"/>
              </a:solidFill>
            </a:endParaRPr>
          </a:p>
          <a:p>
            <a:pPr marL="742950" lvl="1" indent="-285750">
              <a:buFont typeface="Arial" panose="020B0604020202020204" pitchFamily="34" charset="0"/>
              <a:buChar char="•"/>
            </a:pPr>
            <a:r>
              <a:rPr lang="en-US" dirty="0" smtClean="0">
                <a:solidFill>
                  <a:schemeClr val="tx2"/>
                </a:solidFill>
              </a:rPr>
              <a:t>Listening to industry and your internal county/city staff.</a:t>
            </a:r>
          </a:p>
          <a:p>
            <a:pPr marL="742950" lvl="1" indent="-285750">
              <a:buFont typeface="Arial" panose="020B0604020202020204" pitchFamily="34" charset="0"/>
              <a:buChar char="•"/>
            </a:pPr>
            <a:r>
              <a:rPr lang="en-US" dirty="0" smtClean="0">
                <a:solidFill>
                  <a:schemeClr val="tx2"/>
                </a:solidFill>
              </a:rPr>
              <a:t>Willing to say “I do not know” but we can learn together.</a:t>
            </a:r>
          </a:p>
          <a:p>
            <a:pPr marL="742950" lvl="1" indent="-285750">
              <a:buFont typeface="Arial" panose="020B0604020202020204" pitchFamily="34" charset="0"/>
              <a:buChar char="•"/>
            </a:pPr>
            <a:r>
              <a:rPr lang="en-US" dirty="0" smtClean="0">
                <a:solidFill>
                  <a:schemeClr val="tx2"/>
                </a:solidFill>
              </a:rPr>
              <a:t>Understanding and patience, as this is a new legal industry and it will take time to ensure all things are working properly.  It will take trial and error.</a:t>
            </a:r>
          </a:p>
          <a:p>
            <a:pPr lvl="1"/>
            <a:endParaRPr lang="en-US" dirty="0">
              <a:solidFill>
                <a:schemeClr val="tx2"/>
              </a:solidFill>
            </a:endParaRPr>
          </a:p>
          <a:p>
            <a:pPr marL="285750" indent="-285750">
              <a:buFont typeface="Arial" panose="020B0604020202020204" pitchFamily="34" charset="0"/>
              <a:buChar char="•"/>
            </a:pPr>
            <a:r>
              <a:rPr lang="en-US" dirty="0" smtClean="0">
                <a:solidFill>
                  <a:schemeClr val="tx2"/>
                </a:solidFill>
              </a:rPr>
              <a:t>Working collaboratively to build an effective program in Alameda County:</a:t>
            </a:r>
          </a:p>
          <a:p>
            <a:endParaRPr lang="en-US" dirty="0" smtClean="0">
              <a:solidFill>
                <a:schemeClr val="tx2"/>
              </a:solidFill>
            </a:endParaRPr>
          </a:p>
          <a:p>
            <a:pPr marL="742950" lvl="1" indent="-285750">
              <a:buFont typeface="Arial" panose="020B0604020202020204" pitchFamily="34" charset="0"/>
              <a:buChar char="•"/>
            </a:pPr>
            <a:r>
              <a:rPr lang="en-US" dirty="0" smtClean="0">
                <a:solidFill>
                  <a:schemeClr val="tx2"/>
                </a:solidFill>
              </a:rPr>
              <a:t>I have convened an Internal Cannabis working group consisting of practically all departments in the county, to meet weekly to discuss cannabis related issues.</a:t>
            </a:r>
          </a:p>
          <a:p>
            <a:pPr marL="742950" lvl="1" indent="-285750">
              <a:buFont typeface="Arial" panose="020B0604020202020204" pitchFamily="34" charset="0"/>
              <a:buChar char="•"/>
            </a:pPr>
            <a:r>
              <a:rPr lang="en-US" dirty="0" smtClean="0">
                <a:solidFill>
                  <a:schemeClr val="tx2"/>
                </a:solidFill>
              </a:rPr>
              <a:t>I meet monthly with the External Cannabis Stakeholders (industry) to advise me on the cannabis industry perspective.</a:t>
            </a:r>
          </a:p>
          <a:p>
            <a:pPr marL="742950" lvl="1" indent="-285750">
              <a:buFont typeface="Arial" panose="020B0604020202020204" pitchFamily="34" charset="0"/>
              <a:buChar char="•"/>
            </a:pPr>
            <a:endParaRPr lang="en-US" dirty="0" smtClean="0">
              <a:solidFill>
                <a:schemeClr val="tx2"/>
              </a:solidFill>
            </a:endParaRPr>
          </a:p>
        </p:txBody>
      </p:sp>
    </p:spTree>
    <p:extLst>
      <p:ext uri="{BB962C8B-B14F-4D97-AF65-F5344CB8AC3E}">
        <p14:creationId xmlns:p14="http://schemas.microsoft.com/office/powerpoint/2010/main" val="5011127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09600" y="0"/>
            <a:ext cx="10972800" cy="1388788"/>
          </a:xfrm>
        </p:spPr>
        <p:txBody>
          <a:bodyPr/>
          <a:lstStyle/>
          <a:p>
            <a:r>
              <a:rPr lang="en-US" sz="4000" dirty="0" smtClean="0"/>
              <a:t>Best Practices for Counties/Cities</a:t>
            </a:r>
            <a:endParaRPr lang="en-US" sz="4000" dirty="0"/>
          </a:p>
        </p:txBody>
      </p:sp>
      <p:pic>
        <p:nvPicPr>
          <p:cNvPr id="7" name="Picture 6"/>
          <p:cNvPicPr>
            <a:picLocks noChangeAspect="1"/>
          </p:cNvPicPr>
          <p:nvPr/>
        </p:nvPicPr>
        <p:blipFill>
          <a:blip r:embed="rId3"/>
          <a:stretch>
            <a:fillRect/>
          </a:stretch>
        </p:blipFill>
        <p:spPr>
          <a:xfrm>
            <a:off x="55494" y="102905"/>
            <a:ext cx="1152318" cy="1152318"/>
          </a:xfrm>
          <a:prstGeom prst="rect">
            <a:avLst/>
          </a:prstGeom>
        </p:spPr>
      </p:pic>
      <p:sp>
        <p:nvSpPr>
          <p:cNvPr id="4" name="TextBox 3"/>
          <p:cNvSpPr txBox="1"/>
          <p:nvPr/>
        </p:nvSpPr>
        <p:spPr>
          <a:xfrm>
            <a:off x="1658066" y="1329255"/>
            <a:ext cx="9205876" cy="4278094"/>
          </a:xfrm>
          <a:prstGeom prst="rect">
            <a:avLst/>
          </a:prstGeom>
          <a:noFill/>
          <a:ln>
            <a:solidFill>
              <a:schemeClr val="bg2"/>
            </a:solidFill>
          </a:ln>
        </p:spPr>
        <p:txBody>
          <a:bodyPr wrap="square" rtlCol="0" anchor="ctr" anchorCtr="1">
            <a:spAutoFit/>
          </a:bodyPr>
          <a:lstStyle/>
          <a:p>
            <a:pPr marL="285750" indent="-285750">
              <a:buFont typeface="Arial" panose="020B0604020202020204" pitchFamily="34" charset="0"/>
              <a:buChar char="•"/>
            </a:pPr>
            <a:r>
              <a:rPr lang="en-US" sz="1600" dirty="0">
                <a:solidFill>
                  <a:schemeClr val="tx2"/>
                </a:solidFill>
              </a:rPr>
              <a:t>California’s Proposition was very specific in ensuring that Cannabis operators must be proactive in addressing cannabis use, </a:t>
            </a:r>
            <a:r>
              <a:rPr lang="en-US" sz="1600" dirty="0" err="1">
                <a:solidFill>
                  <a:schemeClr val="tx2"/>
                </a:solidFill>
              </a:rPr>
              <a:t>mis</a:t>
            </a:r>
            <a:r>
              <a:rPr lang="en-US" sz="1600" dirty="0">
                <a:solidFill>
                  <a:schemeClr val="tx2"/>
                </a:solidFill>
              </a:rPr>
              <a:t>-use &amp; abuse.</a:t>
            </a:r>
          </a:p>
          <a:p>
            <a:pPr marL="285750" indent="-285750">
              <a:buFont typeface="Arial" panose="020B0604020202020204" pitchFamily="34" charset="0"/>
              <a:buChar char="•"/>
            </a:pPr>
            <a:endParaRPr lang="en-US" sz="1600" dirty="0">
              <a:solidFill>
                <a:schemeClr val="tx2"/>
              </a:solidFill>
            </a:endParaRPr>
          </a:p>
          <a:p>
            <a:pPr marL="285750" indent="-285750">
              <a:buFont typeface="Arial" panose="020B0604020202020204" pitchFamily="34" charset="0"/>
              <a:buChar char="•"/>
            </a:pPr>
            <a:r>
              <a:rPr lang="en-US" sz="1600" b="1" dirty="0">
                <a:solidFill>
                  <a:schemeClr val="tx2"/>
                </a:solidFill>
              </a:rPr>
              <a:t>I have spearheaded the Cannabis Education Youth and Adult Awareness (CEYAA)</a:t>
            </a:r>
          </a:p>
          <a:p>
            <a:pPr marL="742950" lvl="1" indent="-285750">
              <a:buFont typeface="Arial" panose="020B0604020202020204" pitchFamily="34" charset="0"/>
              <a:buChar char="•"/>
            </a:pPr>
            <a:r>
              <a:rPr lang="en-US" sz="1600" dirty="0">
                <a:solidFill>
                  <a:schemeClr val="tx2"/>
                </a:solidFill>
              </a:rPr>
              <a:t>The CEYAA work group consist of our Alameda County Public &amp; Behavioral Health Departments, Alameda County Office of Education, and Prevention Specialist.</a:t>
            </a:r>
          </a:p>
          <a:p>
            <a:pPr marL="742950" lvl="1" indent="-285750">
              <a:buFont typeface="Arial" panose="020B0604020202020204" pitchFamily="34" charset="0"/>
              <a:buChar char="•"/>
            </a:pPr>
            <a:r>
              <a:rPr lang="en-US" sz="1600" dirty="0">
                <a:solidFill>
                  <a:schemeClr val="tx2"/>
                </a:solidFill>
              </a:rPr>
              <a:t>The goal of CEYAA is to create a messaging campaign to address 21 years and under cannabis use, </a:t>
            </a:r>
            <a:r>
              <a:rPr lang="en-US" sz="1600" dirty="0" err="1">
                <a:solidFill>
                  <a:schemeClr val="tx2"/>
                </a:solidFill>
              </a:rPr>
              <a:t>mis</a:t>
            </a:r>
            <a:r>
              <a:rPr lang="en-US" sz="1600" dirty="0">
                <a:solidFill>
                  <a:schemeClr val="tx2"/>
                </a:solidFill>
              </a:rPr>
              <a:t>-use &amp; abuse.  We hope to pilot this program with the California Department of Public Health.</a:t>
            </a:r>
          </a:p>
          <a:p>
            <a:pPr marL="742950" lvl="1" indent="-285750">
              <a:buFont typeface="Arial" panose="020B0604020202020204" pitchFamily="34" charset="0"/>
              <a:buChar char="•"/>
            </a:pPr>
            <a:endParaRPr lang="en-US" sz="1600" dirty="0">
              <a:solidFill>
                <a:schemeClr val="tx2"/>
              </a:solidFill>
            </a:endParaRPr>
          </a:p>
          <a:p>
            <a:pPr marL="285750" indent="-285750">
              <a:buFont typeface="Arial" panose="020B0604020202020204" pitchFamily="34" charset="0"/>
              <a:buChar char="•"/>
            </a:pPr>
            <a:r>
              <a:rPr lang="en-US" sz="1600" b="1" dirty="0">
                <a:solidFill>
                  <a:schemeClr val="tx2"/>
                </a:solidFill>
              </a:rPr>
              <a:t>California is a very diverse state and I recognize the importance of removing barriers to entry for this program.  Ensuring all boats rise together</a:t>
            </a:r>
            <a:r>
              <a:rPr lang="en-US" sz="1600" b="1" dirty="0" smtClean="0">
                <a:solidFill>
                  <a:schemeClr val="tx2"/>
                </a:solidFill>
              </a:rPr>
              <a:t>.</a:t>
            </a:r>
            <a:r>
              <a:rPr lang="en-US" sz="1600" b="1" dirty="0">
                <a:solidFill>
                  <a:schemeClr val="tx2"/>
                </a:solidFill>
              </a:rPr>
              <a:t> I have spearheaded a Cannabis Equity For All (CEFA) working group that will address</a:t>
            </a:r>
            <a:r>
              <a:rPr lang="en-US" sz="1600" b="1" dirty="0" smtClean="0">
                <a:solidFill>
                  <a:schemeClr val="tx2"/>
                </a:solidFill>
              </a:rPr>
              <a:t>:</a:t>
            </a:r>
          </a:p>
          <a:p>
            <a:endParaRPr lang="en-US" sz="1600" b="1" dirty="0">
              <a:solidFill>
                <a:schemeClr val="tx2"/>
              </a:solidFill>
            </a:endParaRPr>
          </a:p>
          <a:p>
            <a:pPr marL="742950" lvl="1" indent="-285750">
              <a:buFont typeface="Wingdings" panose="05000000000000000000" pitchFamily="2" charset="2"/>
              <a:buChar char="Ø"/>
            </a:pPr>
            <a:r>
              <a:rPr lang="en-US" sz="1600" dirty="0" smtClean="0">
                <a:solidFill>
                  <a:schemeClr val="tx2"/>
                </a:solidFill>
              </a:rPr>
              <a:t>Barriers </a:t>
            </a:r>
            <a:r>
              <a:rPr lang="en-US" sz="1600" dirty="0">
                <a:solidFill>
                  <a:schemeClr val="tx2"/>
                </a:solidFill>
              </a:rPr>
              <a:t>to entry</a:t>
            </a:r>
          </a:p>
          <a:p>
            <a:pPr marL="742950" lvl="1" indent="-285750">
              <a:buFont typeface="Wingdings" panose="05000000000000000000" pitchFamily="2" charset="2"/>
              <a:buChar char="Ø"/>
            </a:pPr>
            <a:r>
              <a:rPr lang="en-US" sz="1600" dirty="0">
                <a:solidFill>
                  <a:schemeClr val="tx2"/>
                </a:solidFill>
              </a:rPr>
              <a:t>Training and Development via Alameda County Community Development Department</a:t>
            </a:r>
          </a:p>
          <a:p>
            <a:pPr marL="742950" lvl="1" indent="-285750">
              <a:buFont typeface="Wingdings" panose="05000000000000000000" pitchFamily="2" charset="2"/>
              <a:buChar char="Ø"/>
            </a:pPr>
            <a:r>
              <a:rPr lang="en-US" sz="1600" dirty="0">
                <a:solidFill>
                  <a:schemeClr val="tx2"/>
                </a:solidFill>
              </a:rPr>
              <a:t>Developing internships with local cannabis operators in Alameda County.</a:t>
            </a:r>
          </a:p>
        </p:txBody>
      </p:sp>
    </p:spTree>
    <p:extLst>
      <p:ext uri="{BB962C8B-B14F-4D97-AF65-F5344CB8AC3E}">
        <p14:creationId xmlns:p14="http://schemas.microsoft.com/office/powerpoint/2010/main" val="166189180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idx="4294967295"/>
          </p:nvPr>
        </p:nvSpPr>
        <p:spPr>
          <a:xfrm>
            <a:off x="0" y="-323134"/>
            <a:ext cx="10972800" cy="1389063"/>
          </a:xfrm>
        </p:spPr>
        <p:txBody>
          <a:bodyPr/>
          <a:lstStyle/>
          <a:p>
            <a:r>
              <a:rPr lang="en-US" sz="4000" dirty="0" smtClean="0"/>
              <a:t>        You are Cordially Invited</a:t>
            </a:r>
            <a:endParaRPr lang="en-US" sz="4000" dirty="0"/>
          </a:p>
        </p:txBody>
      </p:sp>
      <p:pic>
        <p:nvPicPr>
          <p:cNvPr id="7" name="Picture 6"/>
          <p:cNvPicPr>
            <a:picLocks noChangeAspect="1"/>
          </p:cNvPicPr>
          <p:nvPr/>
        </p:nvPicPr>
        <p:blipFill>
          <a:blip r:embed="rId3"/>
          <a:stretch>
            <a:fillRect/>
          </a:stretch>
        </p:blipFill>
        <p:spPr>
          <a:xfrm>
            <a:off x="55494" y="102905"/>
            <a:ext cx="1152318" cy="1152318"/>
          </a:xfrm>
          <a:prstGeom prst="rect">
            <a:avLst/>
          </a:prstGeom>
        </p:spPr>
      </p:pic>
      <p:pic>
        <p:nvPicPr>
          <p:cNvPr id="3" name="Picture 2"/>
          <p:cNvPicPr>
            <a:picLocks noChangeAspect="1"/>
          </p:cNvPicPr>
          <p:nvPr/>
        </p:nvPicPr>
        <p:blipFill>
          <a:blip r:embed="rId4"/>
          <a:stretch>
            <a:fillRect/>
          </a:stretch>
        </p:blipFill>
        <p:spPr>
          <a:xfrm>
            <a:off x="3808568" y="1182072"/>
            <a:ext cx="3190660" cy="2661158"/>
          </a:xfrm>
          <a:prstGeom prst="rect">
            <a:avLst/>
          </a:prstGeom>
        </p:spPr>
      </p:pic>
      <p:sp>
        <p:nvSpPr>
          <p:cNvPr id="5" name="TextBox 4"/>
          <p:cNvSpPr txBox="1"/>
          <p:nvPr/>
        </p:nvSpPr>
        <p:spPr>
          <a:xfrm>
            <a:off x="2268812" y="3659828"/>
            <a:ext cx="8188350" cy="2616101"/>
          </a:xfrm>
          <a:prstGeom prst="rect">
            <a:avLst/>
          </a:prstGeom>
          <a:solidFill>
            <a:schemeClr val="accent1">
              <a:lumMod val="40000"/>
              <a:lumOff val="60000"/>
            </a:schemeClr>
          </a:solidFill>
          <a:ln>
            <a:solidFill>
              <a:schemeClr val="tx2"/>
            </a:solidFill>
          </a:ln>
        </p:spPr>
        <p:txBody>
          <a:bodyPr wrap="square" rtlCol="0" anchor="ctr" anchorCtr="1">
            <a:spAutoFit/>
          </a:bodyPr>
          <a:lstStyle/>
          <a:p>
            <a:pPr algn="ctr"/>
            <a:r>
              <a:rPr lang="en-US" sz="2000" dirty="0" smtClean="0"/>
              <a:t>Please join us for the Alameda County Summer Cannabis Summit</a:t>
            </a:r>
          </a:p>
          <a:p>
            <a:endParaRPr lang="en-US" dirty="0"/>
          </a:p>
          <a:p>
            <a:r>
              <a:rPr lang="en-US" dirty="0" smtClean="0"/>
              <a:t>Date:  		August 2, 2018</a:t>
            </a:r>
          </a:p>
          <a:p>
            <a:r>
              <a:rPr lang="en-US" dirty="0" smtClean="0"/>
              <a:t>Time:  		9am – 4pm</a:t>
            </a:r>
          </a:p>
          <a:p>
            <a:r>
              <a:rPr lang="en-US" dirty="0" smtClean="0"/>
              <a:t>Location:  	Alameda County Board Chambers</a:t>
            </a:r>
          </a:p>
          <a:p>
            <a:r>
              <a:rPr lang="en-US" dirty="0" smtClean="0"/>
              <a:t>Topics:		Equity, Taxation &amp; Cannabis Education for Youth &amp; Adults		</a:t>
            </a:r>
            <a:endParaRPr lang="en-US" dirty="0" smtClean="0"/>
          </a:p>
          <a:p>
            <a:endParaRPr lang="en-US" dirty="0"/>
          </a:p>
          <a:p>
            <a:endParaRPr lang="en-US" dirty="0"/>
          </a:p>
        </p:txBody>
      </p:sp>
      <p:pic>
        <p:nvPicPr>
          <p:cNvPr id="2054" name="Picture 6" descr="Image result for cannabis leaf"/>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31653" y="3334343"/>
            <a:ext cx="1535721" cy="1523533"/>
          </a:xfrm>
          <a:prstGeom prst="rect">
            <a:avLst/>
          </a:prstGeom>
          <a:noFill/>
          <a:extLst>
            <a:ext uri="{909E8E84-426E-40DD-AFC4-6F175D3DCCD1}">
              <a14:hiddenFill xmlns:a14="http://schemas.microsoft.com/office/drawing/2010/main">
                <a:solidFill>
                  <a:srgbClr val="FFFFFF"/>
                </a:solidFill>
              </a14:hiddenFill>
            </a:ext>
          </a:extLst>
        </p:spPr>
      </p:pic>
      <p:pic>
        <p:nvPicPr>
          <p:cNvPr id="2056" name="Picture 8" descr="Related imag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9464025" y="1633520"/>
            <a:ext cx="1814736" cy="193169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04186418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 result for thank you"/>
          <p:cNvPicPr>
            <a:picLocks noGrp="1" noChangeAspect="1" noChangeArrowheads="1"/>
          </p:cNvPicPr>
          <p:nvPr>
            <p:ph idx="4294967295"/>
          </p:nvPr>
        </p:nvPicPr>
        <p:blipFill>
          <a:blip r:embed="rId3">
            <a:extLst>
              <a:ext uri="{28A0092B-C50C-407E-A947-70E740481C1C}">
                <a14:useLocalDpi xmlns:a14="http://schemas.microsoft.com/office/drawing/2010/main" val="0"/>
              </a:ext>
            </a:extLst>
          </a:blip>
          <a:srcRect/>
          <a:stretch>
            <a:fillRect/>
          </a:stretch>
        </p:blipFill>
        <p:spPr bwMode="auto">
          <a:xfrm>
            <a:off x="4560849" y="0"/>
            <a:ext cx="3121025" cy="1758950"/>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p:cNvPicPr>
            <a:picLocks noChangeAspect="1"/>
          </p:cNvPicPr>
          <p:nvPr/>
        </p:nvPicPr>
        <p:blipFill>
          <a:blip r:embed="rId4"/>
          <a:stretch>
            <a:fillRect/>
          </a:stretch>
        </p:blipFill>
        <p:spPr>
          <a:xfrm>
            <a:off x="55494" y="102905"/>
            <a:ext cx="1152318" cy="1152318"/>
          </a:xfrm>
          <a:prstGeom prst="rect">
            <a:avLst/>
          </a:prstGeom>
        </p:spPr>
      </p:pic>
      <p:sp>
        <p:nvSpPr>
          <p:cNvPr id="4" name="TextBox 3"/>
          <p:cNvSpPr txBox="1"/>
          <p:nvPr/>
        </p:nvSpPr>
        <p:spPr>
          <a:xfrm>
            <a:off x="1031278" y="1482491"/>
            <a:ext cx="9996524" cy="5632311"/>
          </a:xfrm>
          <a:prstGeom prst="rect">
            <a:avLst/>
          </a:prstGeom>
          <a:noFill/>
          <a:ln>
            <a:solidFill>
              <a:schemeClr val="bg2"/>
            </a:solidFill>
          </a:ln>
        </p:spPr>
        <p:txBody>
          <a:bodyPr wrap="square" rtlCol="0" anchor="ctr" anchorCtr="1">
            <a:spAutoFit/>
          </a:bodyPr>
          <a:lstStyle/>
          <a:p>
            <a:r>
              <a:rPr lang="en-US" b="1" dirty="0" smtClean="0">
                <a:solidFill>
                  <a:schemeClr val="tx2"/>
                </a:solidFill>
              </a:rPr>
              <a:t>For more information or questions from the internal workgroup in Alameda County:</a:t>
            </a:r>
          </a:p>
          <a:p>
            <a:endParaRPr lang="en-US" b="1" dirty="0" smtClean="0">
              <a:solidFill>
                <a:schemeClr val="tx2"/>
              </a:solidFill>
            </a:endParaRPr>
          </a:p>
          <a:p>
            <a:pPr algn="ctr"/>
            <a:r>
              <a:rPr lang="en-US" b="1" dirty="0">
                <a:solidFill>
                  <a:schemeClr val="tx2"/>
                </a:solidFill>
              </a:rPr>
              <a:t>Staff Contact</a:t>
            </a:r>
          </a:p>
          <a:p>
            <a:pPr algn="ctr"/>
            <a:r>
              <a:rPr lang="en-US" b="1" dirty="0">
                <a:solidFill>
                  <a:schemeClr val="tx2"/>
                </a:solidFill>
              </a:rPr>
              <a:t>Liz McElligott </a:t>
            </a:r>
            <a:br>
              <a:rPr lang="en-US" b="1" dirty="0">
                <a:solidFill>
                  <a:schemeClr val="tx2"/>
                </a:solidFill>
              </a:rPr>
            </a:br>
            <a:r>
              <a:rPr lang="en-US" b="1" dirty="0">
                <a:solidFill>
                  <a:schemeClr val="tx2"/>
                </a:solidFill>
              </a:rPr>
              <a:t>Alameda County Planning Department </a:t>
            </a:r>
            <a:br>
              <a:rPr lang="en-US" b="1" dirty="0">
                <a:solidFill>
                  <a:schemeClr val="tx2"/>
                </a:solidFill>
              </a:rPr>
            </a:br>
            <a:r>
              <a:rPr lang="en-US" b="1" dirty="0">
                <a:solidFill>
                  <a:schemeClr val="tx2"/>
                </a:solidFill>
              </a:rPr>
              <a:t>224 West Winton Avenue, Suite 111 </a:t>
            </a:r>
            <a:br>
              <a:rPr lang="en-US" b="1" dirty="0">
                <a:solidFill>
                  <a:schemeClr val="tx2"/>
                </a:solidFill>
              </a:rPr>
            </a:br>
            <a:r>
              <a:rPr lang="en-US" b="1" dirty="0">
                <a:solidFill>
                  <a:schemeClr val="tx2"/>
                </a:solidFill>
              </a:rPr>
              <a:t>Hayward, CA 94544 </a:t>
            </a:r>
            <a:br>
              <a:rPr lang="en-US" b="1" dirty="0">
                <a:solidFill>
                  <a:schemeClr val="tx2"/>
                </a:solidFill>
              </a:rPr>
            </a:br>
            <a:r>
              <a:rPr lang="en-US" b="1" dirty="0">
                <a:solidFill>
                  <a:schemeClr val="tx2"/>
                </a:solidFill>
              </a:rPr>
              <a:t>Phone: (510) 670-5400 </a:t>
            </a:r>
            <a:endParaRPr lang="en-US" b="1" dirty="0" smtClean="0">
              <a:solidFill>
                <a:schemeClr val="tx2"/>
              </a:solidFill>
            </a:endParaRPr>
          </a:p>
          <a:p>
            <a:pPr algn="ctr"/>
            <a:endParaRPr lang="en-US" b="1" dirty="0">
              <a:solidFill>
                <a:schemeClr val="tx2"/>
              </a:solidFill>
            </a:endParaRPr>
          </a:p>
          <a:p>
            <a:r>
              <a:rPr lang="en-US" b="1" dirty="0">
                <a:solidFill>
                  <a:schemeClr val="tx2"/>
                </a:solidFill>
              </a:rPr>
              <a:t>For more information or questions from the </a:t>
            </a:r>
            <a:r>
              <a:rPr lang="en-US" b="1" dirty="0" smtClean="0">
                <a:solidFill>
                  <a:schemeClr val="tx2"/>
                </a:solidFill>
              </a:rPr>
              <a:t>external stakeholders workgroup </a:t>
            </a:r>
            <a:r>
              <a:rPr lang="en-US" b="1" dirty="0">
                <a:solidFill>
                  <a:schemeClr val="tx2"/>
                </a:solidFill>
              </a:rPr>
              <a:t>in Alameda County</a:t>
            </a:r>
            <a:r>
              <a:rPr lang="en-US" b="1" dirty="0" smtClean="0">
                <a:solidFill>
                  <a:schemeClr val="tx2"/>
                </a:solidFill>
              </a:rPr>
              <a:t>:</a:t>
            </a:r>
          </a:p>
          <a:p>
            <a:pPr lvl="0" algn="ctr"/>
            <a:r>
              <a:rPr lang="en-US" b="1" dirty="0" smtClean="0">
                <a:solidFill>
                  <a:schemeClr val="tx2"/>
                </a:solidFill>
              </a:rPr>
              <a:t>Staff </a:t>
            </a:r>
            <a:r>
              <a:rPr lang="en-US" b="1" dirty="0">
                <a:solidFill>
                  <a:schemeClr val="tx2"/>
                </a:solidFill>
              </a:rPr>
              <a:t>Contact</a:t>
            </a:r>
          </a:p>
          <a:p>
            <a:pPr lvl="0" algn="ctr"/>
            <a:r>
              <a:rPr lang="en-US" b="1" dirty="0" smtClean="0">
                <a:solidFill>
                  <a:schemeClr val="tx2"/>
                </a:solidFill>
              </a:rPr>
              <a:t>Patricia R. Brooks</a:t>
            </a:r>
            <a:r>
              <a:rPr lang="en-US" b="1" dirty="0">
                <a:solidFill>
                  <a:schemeClr val="tx2"/>
                </a:solidFill>
              </a:rPr>
              <a:t> </a:t>
            </a:r>
            <a:br>
              <a:rPr lang="en-US" b="1" dirty="0">
                <a:solidFill>
                  <a:schemeClr val="tx2"/>
                </a:solidFill>
              </a:rPr>
            </a:br>
            <a:r>
              <a:rPr lang="en-US" b="1" dirty="0" smtClean="0">
                <a:solidFill>
                  <a:schemeClr val="tx2"/>
                </a:solidFill>
              </a:rPr>
              <a:t>Cannabis and Technology Advisor to Supervisor Nate Miley</a:t>
            </a:r>
            <a:r>
              <a:rPr lang="en-US" b="1" dirty="0">
                <a:solidFill>
                  <a:schemeClr val="tx2"/>
                </a:solidFill>
              </a:rPr>
              <a:t> </a:t>
            </a:r>
            <a:br>
              <a:rPr lang="en-US" b="1" dirty="0">
                <a:solidFill>
                  <a:schemeClr val="tx2"/>
                </a:solidFill>
              </a:rPr>
            </a:br>
            <a:r>
              <a:rPr lang="en-US" b="1" dirty="0" smtClean="0">
                <a:solidFill>
                  <a:schemeClr val="tx2"/>
                </a:solidFill>
              </a:rPr>
              <a:t>1221 Oak Street</a:t>
            </a:r>
          </a:p>
          <a:p>
            <a:pPr lvl="0" algn="ctr"/>
            <a:r>
              <a:rPr lang="en-US" b="1" dirty="0" smtClean="0">
                <a:solidFill>
                  <a:schemeClr val="tx2"/>
                </a:solidFill>
              </a:rPr>
              <a:t>Oakland, </a:t>
            </a:r>
            <a:r>
              <a:rPr lang="en-US" b="1" dirty="0">
                <a:solidFill>
                  <a:schemeClr val="tx2"/>
                </a:solidFill>
              </a:rPr>
              <a:t>CA </a:t>
            </a:r>
            <a:r>
              <a:rPr lang="en-US" b="1" dirty="0" smtClean="0">
                <a:solidFill>
                  <a:schemeClr val="tx2"/>
                </a:solidFill>
              </a:rPr>
              <a:t>94612</a:t>
            </a:r>
            <a:r>
              <a:rPr lang="en-US" b="1" dirty="0">
                <a:solidFill>
                  <a:schemeClr val="tx2"/>
                </a:solidFill>
              </a:rPr>
              <a:t/>
            </a:r>
            <a:br>
              <a:rPr lang="en-US" b="1" dirty="0">
                <a:solidFill>
                  <a:schemeClr val="tx2"/>
                </a:solidFill>
              </a:rPr>
            </a:br>
            <a:r>
              <a:rPr lang="en-US" b="1" dirty="0">
                <a:solidFill>
                  <a:schemeClr val="tx2"/>
                </a:solidFill>
              </a:rPr>
              <a:t>Phone: (510) </a:t>
            </a:r>
            <a:r>
              <a:rPr lang="en-US" b="1" dirty="0" smtClean="0">
                <a:solidFill>
                  <a:schemeClr val="tx2"/>
                </a:solidFill>
              </a:rPr>
              <a:t>590-1107</a:t>
            </a:r>
            <a:endParaRPr lang="en-US" b="1" dirty="0">
              <a:solidFill>
                <a:schemeClr val="tx2"/>
              </a:solidFill>
            </a:endParaRPr>
          </a:p>
          <a:p>
            <a:pPr algn="ctr"/>
            <a:endParaRPr lang="en-US" dirty="0"/>
          </a:p>
          <a:p>
            <a:endParaRPr lang="en-US" dirty="0"/>
          </a:p>
          <a:p>
            <a:endParaRPr lang="en-US" dirty="0"/>
          </a:p>
        </p:txBody>
      </p:sp>
    </p:spTree>
    <p:extLst>
      <p:ext uri="{BB962C8B-B14F-4D97-AF65-F5344CB8AC3E}">
        <p14:creationId xmlns:p14="http://schemas.microsoft.com/office/powerpoint/2010/main" val="20674182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annabis Legislation in California</a:t>
            </a:r>
            <a:endParaRPr lang="en-US" dirty="0"/>
          </a:p>
        </p:txBody>
      </p:sp>
      <p:sp>
        <p:nvSpPr>
          <p:cNvPr id="5" name="Content Placeholder 4"/>
          <p:cNvSpPr>
            <a:spLocks noGrp="1"/>
          </p:cNvSpPr>
          <p:nvPr>
            <p:ph idx="1"/>
          </p:nvPr>
        </p:nvSpPr>
        <p:spPr>
          <a:xfrm>
            <a:off x="609600" y="1600201"/>
            <a:ext cx="10972800" cy="4153828"/>
          </a:xfrm>
        </p:spPr>
        <p:txBody>
          <a:bodyPr>
            <a:noAutofit/>
          </a:bodyPr>
          <a:lstStyle/>
          <a:p>
            <a:r>
              <a:rPr lang="en-US" sz="1800" dirty="0"/>
              <a:t>In 2015, the Legislature passed and the Governor signed into law three bills (Assembly Bills 243 and 266, and Senate Bill 643) that create a licensing and regulatory framework for medical cannabis through the Medical Cannabis Regulation and Safety Act. </a:t>
            </a:r>
            <a:endParaRPr lang="en-US" sz="1800" dirty="0" smtClean="0"/>
          </a:p>
          <a:p>
            <a:pPr marL="0" indent="0">
              <a:buNone/>
            </a:pPr>
            <a:endParaRPr lang="en-US" sz="1800" dirty="0" smtClean="0"/>
          </a:p>
          <a:p>
            <a:r>
              <a:rPr lang="en-US" sz="1800" dirty="0" smtClean="0"/>
              <a:t>This </a:t>
            </a:r>
            <a:r>
              <a:rPr lang="en-US" sz="1800" dirty="0"/>
              <a:t>legislation created the Bureau of Cannabis Control within the Department of Consumer Affairs. It also divided the responsibility for state licensing between three state entities – the CA Department of Food and Agriculture, the CA Department of Public Health and the Bureau of Cannabis Control, with the Bureau designated as the lead agency in regulating the cannabis industry in California.</a:t>
            </a:r>
          </a:p>
          <a:p>
            <a:pPr marL="0" indent="0">
              <a:buNone/>
            </a:pPr>
            <a:endParaRPr lang="en-US" sz="1800" dirty="0"/>
          </a:p>
          <a:p>
            <a:r>
              <a:rPr lang="en-US" sz="1800" dirty="0"/>
              <a:t>In June 2017, the California State Legislature passed a budget trailer bill, Senate Bill 94 (Chapter 27), that integrated MCRSA with AUMA to create the Medicinal and Adult‐Use Cannabis Regulation and Safety Act (MAUCRSA</a:t>
            </a:r>
            <a:r>
              <a:rPr lang="en-US" sz="1800" dirty="0" smtClean="0"/>
              <a:t>).</a:t>
            </a:r>
          </a:p>
          <a:p>
            <a:endParaRPr lang="en-US" sz="1800" dirty="0" smtClean="0"/>
          </a:p>
          <a:p>
            <a:r>
              <a:rPr lang="en-US" sz="1800" dirty="0" smtClean="0"/>
              <a:t>Under </a:t>
            </a:r>
            <a:r>
              <a:rPr lang="en-US" sz="1800" dirty="0"/>
              <a:t>MAUCRSA, a single regulatory system governs the medical and adult use cannabis industry in California.</a:t>
            </a:r>
          </a:p>
          <a:p>
            <a:endParaRPr lang="en-US" sz="1800" dirty="0"/>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329652362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alifornia Cannabis </a:t>
            </a:r>
            <a:br>
              <a:rPr lang="en-US" dirty="0" smtClean="0"/>
            </a:br>
            <a:r>
              <a:rPr lang="en-US" dirty="0" smtClean="0"/>
              <a:t>Program Priorities</a:t>
            </a:r>
            <a:endParaRPr lang="en-US" dirty="0"/>
          </a:p>
        </p:txBody>
      </p:sp>
      <p:sp>
        <p:nvSpPr>
          <p:cNvPr id="3" name="Content Placeholder 2"/>
          <p:cNvSpPr>
            <a:spLocks noGrp="1"/>
          </p:cNvSpPr>
          <p:nvPr>
            <p:ph idx="1"/>
          </p:nvPr>
        </p:nvSpPr>
        <p:spPr>
          <a:xfrm>
            <a:off x="609600" y="1846262"/>
            <a:ext cx="10972800" cy="3944938"/>
          </a:xfrm>
        </p:spPr>
        <p:txBody>
          <a:bodyPr>
            <a:noAutofit/>
          </a:bodyPr>
          <a:lstStyle/>
          <a:p>
            <a:r>
              <a:rPr lang="en-US" sz="2800" dirty="0"/>
              <a:t>The </a:t>
            </a:r>
            <a:r>
              <a:rPr lang="en-US" sz="2800" dirty="0" smtClean="0"/>
              <a:t>creation of the Medicinal </a:t>
            </a:r>
            <a:r>
              <a:rPr lang="en-US" sz="2800" dirty="0"/>
              <a:t>and Adult-Use Cannabis Regulation and Safety Act </a:t>
            </a:r>
            <a:endParaRPr lang="en-US" sz="2800" dirty="0" smtClean="0"/>
          </a:p>
          <a:p>
            <a:r>
              <a:rPr lang="en-US" sz="2800" dirty="0" smtClean="0"/>
              <a:t>A </a:t>
            </a:r>
            <a:r>
              <a:rPr lang="en-US" sz="2800" dirty="0"/>
              <a:t>single regulatory system for commercial cannabis activity in California </a:t>
            </a:r>
            <a:endParaRPr lang="en-US" sz="2800" dirty="0" smtClean="0"/>
          </a:p>
          <a:p>
            <a:r>
              <a:rPr lang="en-US" sz="2800" dirty="0" smtClean="0"/>
              <a:t>Requires </a:t>
            </a:r>
            <a:r>
              <a:rPr lang="en-US" sz="2800" dirty="0"/>
              <a:t>all persons engaged in commercial cannabis activity to be licensed </a:t>
            </a:r>
            <a:endParaRPr lang="en-US" sz="2800" dirty="0" smtClean="0"/>
          </a:p>
          <a:p>
            <a:r>
              <a:rPr lang="en-US" sz="2800" dirty="0" smtClean="0"/>
              <a:t>Allows </a:t>
            </a:r>
            <a:r>
              <a:rPr lang="en-US" sz="2800" dirty="0"/>
              <a:t>local jurisdictions to control what activities are permitted in their jurisdiction </a:t>
            </a:r>
            <a:endParaRPr lang="en-US" sz="2800" dirty="0" smtClean="0"/>
          </a:p>
          <a:p>
            <a:r>
              <a:rPr lang="en-US" sz="2800" dirty="0" smtClean="0"/>
              <a:t>Places </a:t>
            </a:r>
            <a:r>
              <a:rPr lang="en-US" sz="2800" dirty="0"/>
              <a:t>the protection of the public as the highest priority </a:t>
            </a:r>
            <a:endParaRPr lang="en-US" sz="2800" dirty="0" smtClean="0"/>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322120632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058028" y="282498"/>
            <a:ext cx="8446584" cy="862361"/>
          </a:xfrm>
        </p:spPr>
        <p:txBody>
          <a:bodyPr/>
          <a:lstStyle/>
          <a:p>
            <a:pPr algn="ctr"/>
            <a:r>
              <a:rPr lang="en-US" sz="2800" dirty="0" smtClean="0">
                <a:solidFill>
                  <a:schemeClr val="accent2">
                    <a:lumMod val="75000"/>
                  </a:schemeClr>
                </a:solidFill>
              </a:rPr>
              <a:t>The Three Licensing Authorities in  California</a:t>
            </a:r>
            <a:endParaRPr lang="en-US" sz="2800" dirty="0">
              <a:solidFill>
                <a:schemeClr val="accent2">
                  <a:lumMod val="75000"/>
                </a:schemeClr>
              </a:solidFill>
            </a:endParaRPr>
          </a:p>
        </p:txBody>
      </p:sp>
      <p:pic>
        <p:nvPicPr>
          <p:cNvPr id="6" name="Content Placeholder 5"/>
          <p:cNvPicPr>
            <a:picLocks noGrp="1" noChangeAspect="1"/>
          </p:cNvPicPr>
          <p:nvPr>
            <p:ph idx="1"/>
          </p:nvPr>
        </p:nvPicPr>
        <p:blipFill>
          <a:blip r:embed="rId2">
            <a:extLst>
              <a:ext uri="{28A0092B-C50C-407E-A947-70E740481C1C}">
                <a14:useLocalDpi xmlns:a14="http://schemas.microsoft.com/office/drawing/2010/main" val="0"/>
              </a:ext>
            </a:extLst>
          </a:blip>
          <a:stretch>
            <a:fillRect/>
          </a:stretch>
        </p:blipFill>
        <p:spPr>
          <a:xfrm>
            <a:off x="1957773" y="1144859"/>
            <a:ext cx="8561543" cy="5086908"/>
          </a:xfrm>
        </p:spPr>
      </p:pic>
      <p:pic>
        <p:nvPicPr>
          <p:cNvPr id="5" name="Picture 4"/>
          <p:cNvPicPr>
            <a:picLocks noChangeAspect="1"/>
          </p:cNvPicPr>
          <p:nvPr/>
        </p:nvPicPr>
        <p:blipFill>
          <a:blip r:embed="rId3"/>
          <a:stretch>
            <a:fillRect/>
          </a:stretch>
        </p:blipFill>
        <p:spPr>
          <a:xfrm>
            <a:off x="77797" y="72049"/>
            <a:ext cx="1597480" cy="1597480"/>
          </a:xfrm>
          <a:prstGeom prst="rect">
            <a:avLst/>
          </a:prstGeom>
        </p:spPr>
      </p:pic>
    </p:spTree>
    <p:extLst>
      <p:ext uri="{BB962C8B-B14F-4D97-AF65-F5344CB8AC3E}">
        <p14:creationId xmlns:p14="http://schemas.microsoft.com/office/powerpoint/2010/main" val="94498160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License Categories in California</a:t>
            </a:r>
            <a:endParaRPr lang="en-US" dirty="0"/>
          </a:p>
        </p:txBody>
      </p:sp>
      <p:sp>
        <p:nvSpPr>
          <p:cNvPr id="3" name="Content Placeholder 2"/>
          <p:cNvSpPr>
            <a:spLocks noGrp="1"/>
          </p:cNvSpPr>
          <p:nvPr>
            <p:ph idx="1"/>
          </p:nvPr>
        </p:nvSpPr>
        <p:spPr>
          <a:xfrm>
            <a:off x="609600" y="1846262"/>
            <a:ext cx="10972800" cy="4368684"/>
          </a:xfrm>
        </p:spPr>
        <p:txBody>
          <a:bodyPr>
            <a:normAutofit lnSpcReduction="10000"/>
          </a:bodyPr>
          <a:lstStyle/>
          <a:p>
            <a:pPr marL="0" indent="0" algn="ctr">
              <a:buNone/>
            </a:pPr>
            <a:r>
              <a:rPr lang="en-US" dirty="0"/>
              <a:t>License Categories: M (Medicinal) or A (Adult -Use) </a:t>
            </a:r>
            <a:endParaRPr lang="en-US" dirty="0" smtClean="0"/>
          </a:p>
          <a:p>
            <a:pPr marL="0" indent="0" algn="ctr">
              <a:buNone/>
            </a:pPr>
            <a:endParaRPr lang="en-US" dirty="0" smtClean="0"/>
          </a:p>
          <a:p>
            <a:pPr algn="ctr"/>
            <a:r>
              <a:rPr lang="en-US" dirty="0" smtClean="0"/>
              <a:t>Distributor </a:t>
            </a:r>
            <a:r>
              <a:rPr lang="en-US" dirty="0"/>
              <a:t>(Type 11) </a:t>
            </a:r>
            <a:endParaRPr lang="en-US" dirty="0" smtClean="0"/>
          </a:p>
          <a:p>
            <a:pPr algn="ctr"/>
            <a:r>
              <a:rPr lang="en-US" dirty="0" smtClean="0"/>
              <a:t>Distributor </a:t>
            </a:r>
            <a:r>
              <a:rPr lang="en-US" dirty="0"/>
              <a:t>Transport Only (Type 13) </a:t>
            </a:r>
            <a:endParaRPr lang="en-US" dirty="0" smtClean="0"/>
          </a:p>
          <a:p>
            <a:pPr algn="ctr"/>
            <a:r>
              <a:rPr lang="en-US" dirty="0" smtClean="0"/>
              <a:t>Retailer </a:t>
            </a:r>
            <a:r>
              <a:rPr lang="en-US" dirty="0"/>
              <a:t>(Type 10) </a:t>
            </a:r>
            <a:endParaRPr lang="en-US" dirty="0" smtClean="0"/>
          </a:p>
          <a:p>
            <a:pPr algn="ctr"/>
            <a:r>
              <a:rPr lang="en-US" dirty="0" smtClean="0"/>
              <a:t>Non-Storefront </a:t>
            </a:r>
            <a:r>
              <a:rPr lang="en-US" dirty="0"/>
              <a:t>Retailer (Type 9) </a:t>
            </a:r>
            <a:endParaRPr lang="en-US" dirty="0" smtClean="0"/>
          </a:p>
          <a:p>
            <a:pPr algn="ctr"/>
            <a:r>
              <a:rPr lang="en-US" dirty="0" smtClean="0"/>
              <a:t>Microbusiness </a:t>
            </a:r>
            <a:r>
              <a:rPr lang="en-US" dirty="0"/>
              <a:t>(Type 12) </a:t>
            </a:r>
            <a:endParaRPr lang="en-US" dirty="0" smtClean="0"/>
          </a:p>
          <a:p>
            <a:pPr algn="ctr"/>
            <a:r>
              <a:rPr lang="en-US" dirty="0" smtClean="0"/>
              <a:t>Testing </a:t>
            </a:r>
            <a:r>
              <a:rPr lang="en-US" dirty="0"/>
              <a:t>Laboratory (Type 8, no M or A designation) </a:t>
            </a:r>
            <a:endParaRPr lang="en-US" dirty="0" smtClean="0"/>
          </a:p>
          <a:p>
            <a:pPr algn="ctr"/>
            <a:r>
              <a:rPr lang="en-US" dirty="0" smtClean="0"/>
              <a:t>Cannabis </a:t>
            </a:r>
            <a:r>
              <a:rPr lang="en-US" dirty="0"/>
              <a:t>Event Organizer (Type 14) </a:t>
            </a:r>
            <a:endParaRPr lang="en-US" dirty="0" smtClean="0"/>
          </a:p>
          <a:p>
            <a:pPr algn="ctr"/>
            <a:r>
              <a:rPr lang="en-US" dirty="0" smtClean="0"/>
              <a:t>Temporary </a:t>
            </a:r>
            <a:r>
              <a:rPr lang="en-US" dirty="0"/>
              <a:t>Cannabis Event </a:t>
            </a:r>
          </a:p>
        </p:txBody>
      </p:sp>
      <p:pic>
        <p:nvPicPr>
          <p:cNvPr id="4" name="Picture 3"/>
          <p:cNvPicPr>
            <a:picLocks noChangeAspect="1"/>
          </p:cNvPicPr>
          <p:nvPr/>
        </p:nvPicPr>
        <p:blipFill>
          <a:blip r:embed="rId3"/>
          <a:stretch>
            <a:fillRect/>
          </a:stretch>
        </p:blipFill>
        <p:spPr>
          <a:xfrm>
            <a:off x="9164908" y="2284606"/>
            <a:ext cx="2857500" cy="2095500"/>
          </a:xfrm>
          <a:prstGeom prst="rect">
            <a:avLst/>
          </a:prstGeom>
        </p:spPr>
      </p:pic>
      <p:pic>
        <p:nvPicPr>
          <p:cNvPr id="5" name="Picture 4"/>
          <p:cNvPicPr>
            <a:picLocks noChangeAspect="1"/>
          </p:cNvPicPr>
          <p:nvPr/>
        </p:nvPicPr>
        <p:blipFill>
          <a:blip r:embed="rId4"/>
          <a:stretch>
            <a:fillRect/>
          </a:stretch>
        </p:blipFill>
        <p:spPr>
          <a:xfrm>
            <a:off x="55494" y="102905"/>
            <a:ext cx="1152318" cy="1152318"/>
          </a:xfrm>
          <a:prstGeom prst="rect">
            <a:avLst/>
          </a:prstGeom>
        </p:spPr>
      </p:pic>
    </p:spTree>
    <p:extLst>
      <p:ext uri="{BB962C8B-B14F-4D97-AF65-F5344CB8AC3E}">
        <p14:creationId xmlns:p14="http://schemas.microsoft.com/office/powerpoint/2010/main" val="269447729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ew License Type in California</a:t>
            </a:r>
            <a:endParaRPr lang="en-US" dirty="0"/>
          </a:p>
        </p:txBody>
      </p:sp>
      <p:sp>
        <p:nvSpPr>
          <p:cNvPr id="3" name="Content Placeholder 2"/>
          <p:cNvSpPr>
            <a:spLocks noGrp="1"/>
          </p:cNvSpPr>
          <p:nvPr>
            <p:ph idx="1"/>
          </p:nvPr>
        </p:nvSpPr>
        <p:spPr>
          <a:xfrm>
            <a:off x="609600" y="1846262"/>
            <a:ext cx="10972800" cy="4368684"/>
          </a:xfrm>
        </p:spPr>
        <p:txBody>
          <a:bodyPr>
            <a:normAutofit/>
          </a:bodyPr>
          <a:lstStyle/>
          <a:p>
            <a:pPr marL="0" indent="0">
              <a:buNone/>
            </a:pPr>
            <a:r>
              <a:rPr lang="en-US" dirty="0"/>
              <a:t>Shared-Use Manufacturing Facilities </a:t>
            </a:r>
            <a:endParaRPr lang="en-US" dirty="0" smtClean="0"/>
          </a:p>
          <a:p>
            <a:r>
              <a:rPr lang="en-US" dirty="0" smtClean="0"/>
              <a:t>On </a:t>
            </a:r>
            <a:r>
              <a:rPr lang="en-US" dirty="0"/>
              <a:t>March 22, 2018, the State Department of Public Health (CDPH) issued emergency regulations for a Type S manufacturing license which would allow the license holder to conduct manufacturing operations at a shared-use facility. </a:t>
            </a:r>
            <a:endParaRPr lang="en-US" dirty="0" smtClean="0"/>
          </a:p>
          <a:p>
            <a:r>
              <a:rPr lang="en-US" dirty="0" smtClean="0"/>
              <a:t>The </a:t>
            </a:r>
            <a:r>
              <a:rPr lang="en-US" dirty="0"/>
              <a:t>regulations define shared-use facility as a manufacturing facility operated by a Type 7, Type 6, or Type N licensee in which Type S licensees are authorized to conduct manufacturing operations. </a:t>
            </a:r>
            <a:endParaRPr lang="en-US" dirty="0" smtClean="0"/>
          </a:p>
          <a:p>
            <a:r>
              <a:rPr lang="en-US" dirty="0" smtClean="0"/>
              <a:t>To </a:t>
            </a:r>
            <a:r>
              <a:rPr lang="en-US" dirty="0"/>
              <a:t>operate a shared-use facility, the Type 7, Type 6, or Type N licensee must register with CDPH. </a:t>
            </a:r>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183985044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Not all Counties in California are Approving Cannabis Programs</a:t>
            </a:r>
            <a:endParaRPr lang="en-US" dirty="0"/>
          </a:p>
        </p:txBody>
      </p:sp>
      <p:pic>
        <p:nvPicPr>
          <p:cNvPr id="2050" name="Picture 2" descr="Image result for cannabis legalization map 2018"/>
          <p:cNvPicPr>
            <a:picLocks noGrp="1" noChangeAspect="1" noChangeArrowheads="1"/>
          </p:cNvPicPr>
          <p:nvPr>
            <p:ph sz="quarter" idx="13"/>
          </p:nvPr>
        </p:nvPicPr>
        <p:blipFill>
          <a:blip r:embed="rId3">
            <a:extLst>
              <a:ext uri="{28A0092B-C50C-407E-A947-70E740481C1C}">
                <a14:useLocalDpi xmlns:a14="http://schemas.microsoft.com/office/drawing/2010/main" val="0"/>
              </a:ext>
            </a:extLst>
          </a:blip>
          <a:srcRect/>
          <a:stretch>
            <a:fillRect/>
          </a:stretch>
        </p:blipFill>
        <p:spPr bwMode="auto">
          <a:xfrm>
            <a:off x="609600" y="2056359"/>
            <a:ext cx="6173632" cy="3474646"/>
          </a:xfrm>
          <a:prstGeom prst="rect">
            <a:avLst/>
          </a:prstGeom>
          <a:noFill/>
          <a:extLst>
            <a:ext uri="{909E8E84-426E-40DD-AFC4-6F175D3DCCD1}">
              <a14:hiddenFill xmlns:a14="http://schemas.microsoft.com/office/drawing/2010/main">
                <a:solidFill>
                  <a:srgbClr val="FFFFFF"/>
                </a:solidFill>
              </a14:hiddenFill>
            </a:ext>
          </a:extLst>
        </p:spPr>
      </p:pic>
      <p:pic>
        <p:nvPicPr>
          <p:cNvPr id="2052" name="Picture 4" descr="Related image"/>
          <p:cNvPicPr>
            <a:picLocks noGrp="1" noChangeAspect="1" noChangeArrowheads="1"/>
          </p:cNvPicPr>
          <p:nvPr>
            <p:ph sz="half" idx="2"/>
          </p:nvPr>
        </p:nvPicPr>
        <p:blipFill>
          <a:blip r:embed="rId4">
            <a:extLst>
              <a:ext uri="{28A0092B-C50C-407E-A947-70E740481C1C}">
                <a14:useLocalDpi xmlns:a14="http://schemas.microsoft.com/office/drawing/2010/main" val="0"/>
              </a:ext>
            </a:extLst>
          </a:blip>
          <a:srcRect/>
          <a:stretch>
            <a:fillRect/>
          </a:stretch>
        </p:blipFill>
        <p:spPr bwMode="auto">
          <a:xfrm>
            <a:off x="6660996" y="1813930"/>
            <a:ext cx="4601736" cy="4133245"/>
          </a:xfrm>
          <a:prstGeom prst="rect">
            <a:avLst/>
          </a:prstGeom>
          <a:noFill/>
          <a:extLst>
            <a:ext uri="{909E8E84-426E-40DD-AFC4-6F175D3DCCD1}">
              <a14:hiddenFill xmlns:a14="http://schemas.microsoft.com/office/drawing/2010/main">
                <a:solidFill>
                  <a:srgbClr val="FFFFFF"/>
                </a:solidFill>
              </a14:hiddenFill>
            </a:ext>
          </a:extLst>
        </p:spPr>
      </p:pic>
      <p:pic>
        <p:nvPicPr>
          <p:cNvPr id="5" name="Picture 4"/>
          <p:cNvPicPr>
            <a:picLocks noChangeAspect="1"/>
          </p:cNvPicPr>
          <p:nvPr/>
        </p:nvPicPr>
        <p:blipFill>
          <a:blip r:embed="rId5"/>
          <a:stretch>
            <a:fillRect/>
          </a:stretch>
        </p:blipFill>
        <p:spPr>
          <a:xfrm>
            <a:off x="55494" y="102905"/>
            <a:ext cx="1152318" cy="1152318"/>
          </a:xfrm>
          <a:prstGeom prst="rect">
            <a:avLst/>
          </a:prstGeom>
        </p:spPr>
      </p:pic>
    </p:spTree>
    <p:extLst>
      <p:ext uri="{BB962C8B-B14F-4D97-AF65-F5344CB8AC3E}">
        <p14:creationId xmlns:p14="http://schemas.microsoft.com/office/powerpoint/2010/main" val="3288357202"/>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cxnSp>
        <p:nvCxnSpPr>
          <p:cNvPr id="703" name="OTLSHAPE_M_22ba966897a34657afc169ade639a7fb_Connector1"/>
          <p:cNvCxnSpPr/>
          <p:nvPr>
            <p:custDataLst>
              <p:tags r:id="rId2"/>
            </p:custDataLst>
          </p:nvPr>
        </p:nvCxnSpPr>
        <p:spPr>
          <a:xfrm>
            <a:off x="2363363" y="1810028"/>
            <a:ext cx="6580" cy="1094614"/>
          </a:xfrm>
          <a:prstGeom prst="line">
            <a:avLst/>
          </a:prstGeom>
          <a:ln w="9525"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78" name="OTLSHAPE_TB_00000000000000000000000000000000_LeftEndCaps" hidden="1"/>
          <p:cNvSpPr txBox="1"/>
          <p:nvPr>
            <p:custDataLst>
              <p:tags r:id="rId3"/>
            </p:custDataLst>
          </p:nvPr>
        </p:nvSpPr>
        <p:spPr>
          <a:xfrm>
            <a:off x="254000" y="2794169"/>
            <a:ext cx="469900" cy="279061"/>
          </a:xfrm>
          <a:prstGeom prst="rect">
            <a:avLst/>
          </a:prstGeom>
          <a:noFill/>
        </p:spPr>
        <p:txBody>
          <a:bodyPr vert="horz" wrap="none" lIns="0" tIns="0" rIns="0" bIns="0" rtlCol="0" anchor="ctr" anchorCtr="0">
            <a:spAutoFit/>
          </a:bodyPr>
          <a:lstStyle/>
          <a:p>
            <a:pPr algn="ctr"/>
            <a:r>
              <a:rPr lang="en-US" b="1" smtClean="0">
                <a:solidFill>
                  <a:srgbClr val="A6B727"/>
                </a:solidFill>
              </a:rPr>
              <a:t>1980</a:t>
            </a:r>
            <a:endParaRPr lang="en-US" b="1">
              <a:solidFill>
                <a:srgbClr val="A6B727"/>
              </a:solidFill>
            </a:endParaRPr>
          </a:p>
        </p:txBody>
      </p:sp>
      <p:sp>
        <p:nvSpPr>
          <p:cNvPr id="679" name="OTLSHAPE_TB_00000000000000000000000000000000_RightEndCaps" hidden="1"/>
          <p:cNvSpPr txBox="1"/>
          <p:nvPr>
            <p:custDataLst>
              <p:tags r:id="rId4"/>
            </p:custDataLst>
          </p:nvPr>
        </p:nvSpPr>
        <p:spPr>
          <a:xfrm>
            <a:off x="11474534" y="2794169"/>
            <a:ext cx="469900" cy="279061"/>
          </a:xfrm>
          <a:prstGeom prst="rect">
            <a:avLst/>
          </a:prstGeom>
          <a:noFill/>
        </p:spPr>
        <p:txBody>
          <a:bodyPr vert="horz" wrap="none" lIns="0" tIns="0" rIns="0" bIns="0" rtlCol="0" anchor="ctr" anchorCtr="0">
            <a:spAutoFit/>
          </a:bodyPr>
          <a:lstStyle/>
          <a:p>
            <a:pPr algn="ctr"/>
            <a:r>
              <a:rPr lang="en-US" b="1" smtClean="0">
                <a:solidFill>
                  <a:srgbClr val="A6B727"/>
                </a:solidFill>
              </a:rPr>
              <a:t>2019</a:t>
            </a:r>
            <a:endParaRPr lang="en-US" b="1">
              <a:solidFill>
                <a:srgbClr val="A6B727"/>
              </a:solidFill>
            </a:endParaRPr>
          </a:p>
        </p:txBody>
      </p:sp>
      <p:sp>
        <p:nvSpPr>
          <p:cNvPr id="680" name="OTLSHAPE_TB_00000000000000000000000000000000_ScaleContainer"/>
          <p:cNvSpPr/>
          <p:nvPr>
            <p:custDataLst>
              <p:tags r:id="rId5"/>
            </p:custDataLst>
          </p:nvPr>
        </p:nvSpPr>
        <p:spPr>
          <a:xfrm>
            <a:off x="844465" y="2912541"/>
            <a:ext cx="10515600" cy="381000"/>
          </a:xfrm>
          <a:prstGeom prst="round2DiagRect">
            <a:avLst>
              <a:gd name="adj1" fmla="val 100000"/>
              <a:gd name="adj2" fmla="val 0"/>
            </a:avLst>
          </a:prstGeom>
          <a:gradFill flip="none" rotWithShape="1">
            <a:gsLst>
              <a:gs pos="0">
                <a:srgbClr val="A6B727"/>
              </a:gs>
              <a:gs pos="100000">
                <a:srgbClr val="737F1C"/>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81" name="OTLSHAPE_TB_00000000000000000000000000000000_ElapsedTime" hidden="1"/>
          <p:cNvSpPr/>
          <p:nvPr>
            <p:custDataLst>
              <p:tags r:id="rId6"/>
            </p:custDataLst>
          </p:nvPr>
        </p:nvSpPr>
        <p:spPr>
          <a:xfrm>
            <a:off x="0" y="0"/>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82" name="OTLSHAPE_TB_00000000000000000000000000000000_TodayMarkerShape" hidden="1"/>
          <p:cNvSpPr/>
          <p:nvPr>
            <p:custDataLst>
              <p:tags r:id="rId7"/>
            </p:custDataLst>
          </p:nvPr>
        </p:nvSpPr>
        <p:spPr>
          <a:xfrm>
            <a:off x="10327470" y="31242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683" name="OTLSHAPE_TB_00000000000000000000000000000000_TodayMarkerText" hidden="1"/>
          <p:cNvSpPr txBox="1"/>
          <p:nvPr>
            <p:custDataLst>
              <p:tags r:id="rId8"/>
            </p:custDataLst>
          </p:nvPr>
        </p:nvSpPr>
        <p:spPr>
          <a:xfrm>
            <a:off x="10381899" y="3251200"/>
            <a:ext cx="363369" cy="184666"/>
          </a:xfrm>
          <a:prstGeom prst="rect">
            <a:avLst/>
          </a:prstGeom>
          <a:noFill/>
        </p:spPr>
        <p:txBody>
          <a:bodyPr vert="horz" wrap="none" lIns="0" tIns="0" rIns="0" bIns="0" rtlCol="0" anchor="ctr" anchorCtr="0">
            <a:spAutoFit/>
          </a:bodyPr>
          <a:lstStyle/>
          <a:p>
            <a:pPr algn="ctr"/>
            <a:r>
              <a:rPr lang="en-US" sz="1200" smtClean="0">
                <a:solidFill>
                  <a:srgbClr val="000000"/>
                </a:solidFill>
              </a:rPr>
              <a:t>Today</a:t>
            </a:r>
            <a:endParaRPr lang="en-US" sz="1200">
              <a:solidFill>
                <a:srgbClr val="000000"/>
              </a:solidFill>
            </a:endParaRPr>
          </a:p>
        </p:txBody>
      </p:sp>
      <p:sp>
        <p:nvSpPr>
          <p:cNvPr id="684" name="OTLSHAPE_TB_00000000000000000000000000000000_TimescaleInterval1"/>
          <p:cNvSpPr txBox="1"/>
          <p:nvPr>
            <p:custDataLst>
              <p:tags r:id="rId9"/>
            </p:custDataLst>
          </p:nvPr>
        </p:nvSpPr>
        <p:spPr>
          <a:xfrm>
            <a:off x="1047993" y="3043912"/>
            <a:ext cx="304955" cy="186055"/>
          </a:xfrm>
          <a:prstGeom prst="rect">
            <a:avLst/>
          </a:prstGeom>
          <a:noFill/>
        </p:spPr>
        <p:txBody>
          <a:bodyPr vert="horz" wrap="none" lIns="0" tIns="0" rIns="0" bIns="0" rtlCol="0" anchor="ctr" anchorCtr="0">
            <a:noAutofit/>
          </a:bodyPr>
          <a:lstStyle/>
          <a:p>
            <a:r>
              <a:rPr lang="en-US" sz="1200" spc="-20" dirty="0" smtClean="0">
                <a:solidFill>
                  <a:prstClr val="white"/>
                </a:solidFill>
              </a:rPr>
              <a:t>… 2015</a:t>
            </a:r>
            <a:endParaRPr lang="en-US" sz="1200" spc="-20" dirty="0">
              <a:solidFill>
                <a:prstClr val="white"/>
              </a:solidFill>
            </a:endParaRPr>
          </a:p>
        </p:txBody>
      </p:sp>
      <p:cxnSp>
        <p:nvCxnSpPr>
          <p:cNvPr id="689" name="OTLSHAPE_TB_00000000000000000000000000000000_Separator3"/>
          <p:cNvCxnSpPr/>
          <p:nvPr>
            <p:custDataLst>
              <p:tags r:id="rId10"/>
            </p:custDataLst>
          </p:nvPr>
        </p:nvCxnSpPr>
        <p:spPr>
          <a:xfrm>
            <a:off x="2466949" y="2790423"/>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0" name="OTLSHAPE_TB_00000000000000000000000000000000_TimescaleInterval4"/>
          <p:cNvSpPr txBox="1"/>
          <p:nvPr>
            <p:custDataLst>
              <p:tags r:id="rId11"/>
            </p:custDataLst>
          </p:nvPr>
        </p:nvSpPr>
        <p:spPr>
          <a:xfrm>
            <a:off x="2497503" y="3039679"/>
            <a:ext cx="304955" cy="186055"/>
          </a:xfrm>
          <a:prstGeom prst="rect">
            <a:avLst/>
          </a:prstGeom>
          <a:noFill/>
        </p:spPr>
        <p:txBody>
          <a:bodyPr vert="horz" wrap="none" lIns="0" tIns="0" rIns="0" bIns="0" rtlCol="0" anchor="ctr" anchorCtr="0">
            <a:noAutofit/>
          </a:bodyPr>
          <a:lstStyle/>
          <a:p>
            <a:r>
              <a:rPr lang="en-US" sz="1200" spc="-20" dirty="0" smtClean="0">
                <a:solidFill>
                  <a:prstClr val="white"/>
                </a:solidFill>
              </a:rPr>
              <a:t>2016</a:t>
            </a:r>
            <a:endParaRPr lang="en-US" sz="1200" spc="-20" dirty="0">
              <a:solidFill>
                <a:prstClr val="white"/>
              </a:solidFill>
            </a:endParaRPr>
          </a:p>
        </p:txBody>
      </p:sp>
      <p:cxnSp>
        <p:nvCxnSpPr>
          <p:cNvPr id="695" name="OTLSHAPE_TB_00000000000000000000000000000000_Separator6"/>
          <p:cNvCxnSpPr/>
          <p:nvPr>
            <p:custDataLst>
              <p:tags r:id="rId12"/>
            </p:custDataLst>
          </p:nvPr>
        </p:nvCxnSpPr>
        <p:spPr>
          <a:xfrm>
            <a:off x="6102265" y="2794656"/>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96" name="OTLSHAPE_TB_00000000000000000000000000000000_TimescaleInterval7"/>
          <p:cNvSpPr txBox="1"/>
          <p:nvPr>
            <p:custDataLst>
              <p:tags r:id="rId13"/>
            </p:custDataLst>
          </p:nvPr>
        </p:nvSpPr>
        <p:spPr>
          <a:xfrm>
            <a:off x="6153316" y="3021000"/>
            <a:ext cx="304955" cy="207387"/>
          </a:xfrm>
          <a:prstGeom prst="rect">
            <a:avLst/>
          </a:prstGeom>
          <a:noFill/>
        </p:spPr>
        <p:txBody>
          <a:bodyPr vert="horz" wrap="none" lIns="0" tIns="0" rIns="0" bIns="0" rtlCol="0" anchor="ctr" anchorCtr="0">
            <a:noAutofit/>
          </a:bodyPr>
          <a:lstStyle/>
          <a:p>
            <a:r>
              <a:rPr lang="en-US" sz="1200" spc="-20" dirty="0" smtClean="0">
                <a:solidFill>
                  <a:prstClr val="white"/>
                </a:solidFill>
              </a:rPr>
              <a:t>2017</a:t>
            </a:r>
            <a:endParaRPr lang="en-US" sz="1200" spc="-20" dirty="0">
              <a:solidFill>
                <a:prstClr val="white"/>
              </a:solidFill>
            </a:endParaRPr>
          </a:p>
        </p:txBody>
      </p:sp>
      <p:cxnSp>
        <p:nvCxnSpPr>
          <p:cNvPr id="701" name="OTLSHAPE_TB_00000000000000000000000000000000_Separator9"/>
          <p:cNvCxnSpPr/>
          <p:nvPr>
            <p:custDataLst>
              <p:tags r:id="rId14"/>
            </p:custDataLst>
          </p:nvPr>
        </p:nvCxnSpPr>
        <p:spPr>
          <a:xfrm>
            <a:off x="9750282" y="278130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02" name="OTLSHAPE_TB_00000000000000000000000000000000_TimescaleInterval10"/>
          <p:cNvSpPr txBox="1"/>
          <p:nvPr>
            <p:custDataLst>
              <p:tags r:id="rId15"/>
            </p:custDataLst>
          </p:nvPr>
        </p:nvSpPr>
        <p:spPr>
          <a:xfrm>
            <a:off x="9795939" y="3019767"/>
            <a:ext cx="304955" cy="186055"/>
          </a:xfrm>
          <a:prstGeom prst="rect">
            <a:avLst/>
          </a:prstGeom>
          <a:noFill/>
        </p:spPr>
        <p:txBody>
          <a:bodyPr vert="horz" wrap="none" lIns="0" tIns="0" rIns="0" bIns="0" rtlCol="0" anchor="ctr" anchorCtr="0">
            <a:noAutofit/>
          </a:bodyPr>
          <a:lstStyle/>
          <a:p>
            <a:r>
              <a:rPr lang="en-US" sz="1200" spc="-20" dirty="0" smtClean="0">
                <a:solidFill>
                  <a:prstClr val="white"/>
                </a:solidFill>
              </a:rPr>
              <a:t>2018 …</a:t>
            </a:r>
            <a:endParaRPr lang="en-US" sz="1200" spc="-20" dirty="0">
              <a:solidFill>
                <a:prstClr val="white"/>
              </a:solidFill>
            </a:endParaRPr>
          </a:p>
        </p:txBody>
      </p:sp>
      <p:sp>
        <p:nvSpPr>
          <p:cNvPr id="711" name="OTLSHAPE_M_22ba966897a34657afc169ade639a7fb_Title"/>
          <p:cNvSpPr txBox="1"/>
          <p:nvPr>
            <p:custDataLst>
              <p:tags r:id="rId16"/>
            </p:custDataLst>
          </p:nvPr>
        </p:nvSpPr>
        <p:spPr>
          <a:xfrm>
            <a:off x="782226" y="1705618"/>
            <a:ext cx="1648243" cy="186411"/>
          </a:xfrm>
          <a:prstGeom prst="rect">
            <a:avLst/>
          </a:prstGeom>
          <a:noFill/>
        </p:spPr>
        <p:txBody>
          <a:bodyPr vert="horz" wrap="square" lIns="0" tIns="0" rIns="0" bIns="0" rtlCol="0" anchor="ctr" anchorCtr="0">
            <a:spAutoFit/>
          </a:bodyPr>
          <a:lstStyle/>
          <a:p>
            <a:r>
              <a:rPr lang="en-US" sz="1200" spc="-4" dirty="0" smtClean="0">
                <a:solidFill>
                  <a:srgbClr val="DF5327"/>
                </a:solidFill>
                <a:latin typeface="Arial" panose="020B0604020202020204" pitchFamily="34" charset="0"/>
              </a:rPr>
              <a:t>Project Commences</a:t>
            </a:r>
            <a:endParaRPr lang="en-US" sz="1200" spc="-4" dirty="0">
              <a:solidFill>
                <a:srgbClr val="DF5327"/>
              </a:solidFill>
              <a:latin typeface="Arial" panose="020B0604020202020204" pitchFamily="34" charset="0"/>
            </a:endParaRPr>
          </a:p>
        </p:txBody>
      </p:sp>
      <p:sp>
        <p:nvSpPr>
          <p:cNvPr id="712" name="OTLSHAPE_M_22ba966897a34657afc169ade639a7fb_Date"/>
          <p:cNvSpPr txBox="1"/>
          <p:nvPr>
            <p:custDataLst>
              <p:tags r:id="rId17"/>
            </p:custDataLst>
          </p:nvPr>
        </p:nvSpPr>
        <p:spPr>
          <a:xfrm>
            <a:off x="784218" y="1559725"/>
            <a:ext cx="929340" cy="153888"/>
          </a:xfrm>
          <a:prstGeom prst="rect">
            <a:avLst/>
          </a:prstGeom>
          <a:noFill/>
        </p:spPr>
        <p:txBody>
          <a:bodyPr vert="horz" wrap="square" lIns="0" tIns="0" rIns="0" bIns="0" rtlCol="0" anchor="ctr" anchorCtr="0">
            <a:spAutoFit/>
          </a:bodyPr>
          <a:lstStyle/>
          <a:p>
            <a:r>
              <a:rPr lang="en-US" sz="1000" dirty="0" smtClean="0">
                <a:solidFill>
                  <a:srgbClr val="A6B727"/>
                </a:solidFill>
                <a:latin typeface="Arial Narrow" panose="020B0606020202030204" pitchFamily="34" charset="0"/>
              </a:rPr>
              <a:t>December 5, 2015</a:t>
            </a:r>
            <a:endParaRPr lang="en-US" sz="1000" dirty="0">
              <a:solidFill>
                <a:srgbClr val="A6B727"/>
              </a:solidFill>
              <a:latin typeface="Arial Narrow" panose="020B0606020202030204" pitchFamily="34" charset="0"/>
            </a:endParaRPr>
          </a:p>
        </p:txBody>
      </p:sp>
      <p:sp>
        <p:nvSpPr>
          <p:cNvPr id="713" name="OTLSHAPE_M_22ba966897a34657afc169ade639a7fb_Shape"/>
          <p:cNvSpPr/>
          <p:nvPr>
            <p:custDataLst>
              <p:tags r:id="rId18"/>
            </p:custDataLst>
          </p:nvPr>
        </p:nvSpPr>
        <p:spPr>
          <a:xfrm rot="5400000">
            <a:off x="2189796" y="1727478"/>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18" name="OTLSHAPE_M_dba9f1cc2041410b849ee590e76c7780_Date"/>
          <p:cNvSpPr txBox="1"/>
          <p:nvPr>
            <p:custDataLst>
              <p:tags r:id="rId19"/>
            </p:custDataLst>
          </p:nvPr>
        </p:nvSpPr>
        <p:spPr>
          <a:xfrm>
            <a:off x="6544159" y="1719586"/>
            <a:ext cx="596900"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March 2017</a:t>
            </a:r>
            <a:endParaRPr lang="en-US" sz="1000" dirty="0">
              <a:solidFill>
                <a:srgbClr val="A6B727"/>
              </a:solidFill>
              <a:latin typeface="Arial Narrow" panose="020B0606020202030204" pitchFamily="34" charset="0"/>
            </a:endParaRPr>
          </a:p>
        </p:txBody>
      </p:sp>
      <p:sp>
        <p:nvSpPr>
          <p:cNvPr id="719" name="OTLSHAPE_M_dba9f1cc2041410b849ee590e76c7780_Shape"/>
          <p:cNvSpPr/>
          <p:nvPr>
            <p:custDataLst>
              <p:tags r:id="rId20"/>
            </p:custDataLst>
          </p:nvPr>
        </p:nvSpPr>
        <p:spPr>
          <a:xfrm>
            <a:off x="7048124" y="2730611"/>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26" name="OTLSHAPE_M_516c2b687a0e49c6ad1a04234904938f_Title"/>
          <p:cNvSpPr txBox="1"/>
          <p:nvPr>
            <p:custDataLst>
              <p:tags r:id="rId21"/>
            </p:custDataLst>
          </p:nvPr>
        </p:nvSpPr>
        <p:spPr>
          <a:xfrm>
            <a:off x="10363059" y="1876018"/>
            <a:ext cx="419100" cy="184666"/>
          </a:xfrm>
          <a:prstGeom prst="rect">
            <a:avLst/>
          </a:prstGeom>
          <a:noFill/>
        </p:spPr>
        <p:txBody>
          <a:bodyPr vert="horz" wrap="square" lIns="0" tIns="0" rIns="0" bIns="0" rtlCol="0" anchor="ctr" anchorCtr="0">
            <a:spAutoFit/>
          </a:bodyPr>
          <a:lstStyle/>
          <a:p>
            <a:r>
              <a:rPr lang="en-US" sz="1200" spc="-22" dirty="0" smtClean="0">
                <a:solidFill>
                  <a:srgbClr val="DF5327"/>
                </a:solidFill>
                <a:latin typeface="Arial" panose="020B0604020202020204" pitchFamily="34" charset="0"/>
              </a:rPr>
              <a:t>Today</a:t>
            </a:r>
            <a:endParaRPr lang="en-US" sz="1200" spc="-22" dirty="0">
              <a:solidFill>
                <a:srgbClr val="DF5327"/>
              </a:solidFill>
              <a:latin typeface="Arial" panose="020B0604020202020204" pitchFamily="34" charset="0"/>
            </a:endParaRPr>
          </a:p>
        </p:txBody>
      </p:sp>
      <p:sp>
        <p:nvSpPr>
          <p:cNvPr id="728" name="OTLSHAPE_M_516c2b687a0e49c6ad1a04234904938f_Shape"/>
          <p:cNvSpPr/>
          <p:nvPr>
            <p:custDataLst>
              <p:tags r:id="rId22"/>
            </p:custDataLst>
          </p:nvPr>
        </p:nvSpPr>
        <p:spPr>
          <a:xfrm rot="16200000">
            <a:off x="10204825" y="1895584"/>
            <a:ext cx="165100" cy="165100"/>
          </a:xfrm>
          <a:prstGeom prst="flowChartMerge">
            <a:avLst/>
          </a:prstGeom>
          <a:solidFill>
            <a:schemeClr val="accent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37" name="OTLSHAPE_M_3bdee929928a47ec82ab115ac7f7e690_Shape"/>
          <p:cNvSpPr/>
          <p:nvPr>
            <p:custDataLst>
              <p:tags r:id="rId23"/>
            </p:custDataLst>
          </p:nvPr>
        </p:nvSpPr>
        <p:spPr>
          <a:xfrm>
            <a:off x="6405431" y="3289060"/>
            <a:ext cx="228600" cy="254000"/>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2" name="Title 1"/>
          <p:cNvSpPr>
            <a:spLocks noGrp="1"/>
          </p:cNvSpPr>
          <p:nvPr>
            <p:ph type="title"/>
          </p:nvPr>
        </p:nvSpPr>
        <p:spPr>
          <a:xfrm>
            <a:off x="632085" y="237609"/>
            <a:ext cx="10958782" cy="407551"/>
          </a:xfrm>
        </p:spPr>
        <p:txBody>
          <a:bodyPr>
            <a:noAutofit/>
          </a:bodyPr>
          <a:lstStyle/>
          <a:p>
            <a:r>
              <a:rPr lang="en-US" sz="2800" b="1" dirty="0" smtClean="0">
                <a:solidFill>
                  <a:schemeClr val="accent2">
                    <a:lumMod val="75000"/>
                  </a:schemeClr>
                </a:solidFill>
              </a:rPr>
              <a:t>Cannabis regulation in unincorporated Alameda County: a 2+ year snapshot</a:t>
            </a:r>
            <a:endParaRPr lang="en-US" sz="2800" b="1" dirty="0">
              <a:solidFill>
                <a:schemeClr val="accent2">
                  <a:lumMod val="75000"/>
                </a:schemeClr>
              </a:solidFill>
            </a:endParaRPr>
          </a:p>
        </p:txBody>
      </p:sp>
      <p:sp>
        <p:nvSpPr>
          <p:cNvPr id="69" name="OTLSHAPE_M_531134c2e0824479a13cfb7e6eaeb30c_Title"/>
          <p:cNvSpPr txBox="1"/>
          <p:nvPr>
            <p:custDataLst>
              <p:tags r:id="rId24"/>
            </p:custDataLst>
          </p:nvPr>
        </p:nvSpPr>
        <p:spPr>
          <a:xfrm>
            <a:off x="10028466" y="938771"/>
            <a:ext cx="1918199" cy="769441"/>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Amended retailer, delivery and cultivation ordinances before the Board of Supervisors for consideration, including proposal for adult use cannabis</a:t>
            </a:r>
            <a:endParaRPr lang="en-US" sz="1000" spc="-4" dirty="0">
              <a:solidFill>
                <a:srgbClr val="5E5E5E"/>
              </a:solidFill>
              <a:latin typeface="Arial" panose="020B0604020202020204" pitchFamily="34" charset="0"/>
            </a:endParaRPr>
          </a:p>
        </p:txBody>
      </p:sp>
      <p:cxnSp>
        <p:nvCxnSpPr>
          <p:cNvPr id="71" name="OTLSHAPE_M_22ba966897a34657afc169ade639a7fb_Connector1"/>
          <p:cNvCxnSpPr/>
          <p:nvPr>
            <p:custDataLst>
              <p:tags r:id="rId25"/>
            </p:custDataLst>
          </p:nvPr>
        </p:nvCxnSpPr>
        <p:spPr>
          <a:xfrm>
            <a:off x="10194619" y="1897971"/>
            <a:ext cx="0" cy="1005887"/>
          </a:xfrm>
          <a:prstGeom prst="line">
            <a:avLst/>
          </a:prstGeom>
          <a:ln w="9525" cap="flat" cmpd="sng" algn="ctr">
            <a:solidFill>
              <a:schemeClr val="accent3">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22ba966897a34657afc169ade639a7fb_Date"/>
          <p:cNvSpPr txBox="1"/>
          <p:nvPr>
            <p:custDataLst>
              <p:tags r:id="rId26"/>
            </p:custDataLst>
          </p:nvPr>
        </p:nvSpPr>
        <p:spPr>
          <a:xfrm>
            <a:off x="10374325" y="1729342"/>
            <a:ext cx="749300" cy="153888"/>
          </a:xfrm>
          <a:prstGeom prst="rect">
            <a:avLst/>
          </a:prstGeom>
          <a:noFill/>
        </p:spPr>
        <p:txBody>
          <a:bodyPr vert="horz" wrap="square" lIns="0" tIns="0" rIns="0" bIns="0" rtlCol="0" anchor="ctr" anchorCtr="0">
            <a:spAutoFit/>
          </a:bodyPr>
          <a:lstStyle/>
          <a:p>
            <a:r>
              <a:rPr lang="en-US" sz="1000" dirty="0" smtClean="0">
                <a:solidFill>
                  <a:srgbClr val="A6B727"/>
                </a:solidFill>
                <a:latin typeface="Arial Narrow" panose="020B0606020202030204" pitchFamily="34" charset="0"/>
              </a:rPr>
              <a:t>March 2018</a:t>
            </a:r>
            <a:endParaRPr lang="en-US" sz="1000" dirty="0">
              <a:solidFill>
                <a:srgbClr val="A6B727"/>
              </a:solidFill>
              <a:latin typeface="Arial Narrow" panose="020B0606020202030204" pitchFamily="34" charset="0"/>
            </a:endParaRPr>
          </a:p>
        </p:txBody>
      </p:sp>
      <p:sp>
        <p:nvSpPr>
          <p:cNvPr id="74" name="OTLSHAPE_M_531134c2e0824479a13cfb7e6eaeb30c_Title"/>
          <p:cNvSpPr txBox="1"/>
          <p:nvPr>
            <p:custDataLst>
              <p:tags r:id="rId27"/>
            </p:custDataLst>
          </p:nvPr>
        </p:nvSpPr>
        <p:spPr>
          <a:xfrm>
            <a:off x="629349" y="944172"/>
            <a:ext cx="1695523" cy="615553"/>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First presentation by staff to Board of Supervisors regarding new local/ State dual licensing scheme</a:t>
            </a:r>
          </a:p>
        </p:txBody>
      </p:sp>
      <p:sp>
        <p:nvSpPr>
          <p:cNvPr id="75" name="Title 1"/>
          <p:cNvSpPr txBox="1">
            <a:spLocks/>
          </p:cNvSpPr>
          <p:nvPr/>
        </p:nvSpPr>
        <p:spPr>
          <a:xfrm>
            <a:off x="632085" y="5448499"/>
            <a:ext cx="10515600" cy="1194214"/>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sz="2800" b="1" dirty="0" smtClean="0">
                <a:solidFill>
                  <a:srgbClr val="000000"/>
                </a:solidFill>
              </a:rPr>
              <a:t>Upcoming actions…</a:t>
            </a:r>
          </a:p>
          <a:p>
            <a:pPr marL="342900" indent="-342900">
              <a:buFont typeface="Arial" panose="020B0604020202020204" pitchFamily="34" charset="0"/>
              <a:buChar char="•"/>
            </a:pPr>
            <a:r>
              <a:rPr lang="en-US" sz="1400" b="1" dirty="0" smtClean="0">
                <a:solidFill>
                  <a:srgbClr val="000000"/>
                </a:solidFill>
              </a:rPr>
              <a:t>Draft ordinance for additional license types (manufacturing, testing, distribution)</a:t>
            </a:r>
          </a:p>
          <a:p>
            <a:pPr marL="342900" indent="-342900">
              <a:buFont typeface="Arial" panose="020B0604020202020204" pitchFamily="34" charset="0"/>
              <a:buChar char="•"/>
            </a:pPr>
            <a:r>
              <a:rPr lang="en-US" sz="1400" b="1" dirty="0" smtClean="0">
                <a:solidFill>
                  <a:srgbClr val="000000"/>
                </a:solidFill>
              </a:rPr>
              <a:t>CUP’s for cannabis cultivation and retailers and permits for delivery</a:t>
            </a:r>
          </a:p>
          <a:p>
            <a:pPr marL="342900" indent="-342900">
              <a:buFont typeface="Arial" panose="020B0604020202020204" pitchFamily="34" charset="0"/>
              <a:buChar char="•"/>
            </a:pPr>
            <a:r>
              <a:rPr lang="en-US" sz="1400" b="1" dirty="0" smtClean="0">
                <a:solidFill>
                  <a:srgbClr val="000000"/>
                </a:solidFill>
              </a:rPr>
              <a:t>Develop and implement monitoring and compliance program</a:t>
            </a:r>
          </a:p>
        </p:txBody>
      </p:sp>
      <p:sp>
        <p:nvSpPr>
          <p:cNvPr id="78" name="OTLSHAPE_M_3bdee929928a47ec82ab115ac7f7e690_Shape"/>
          <p:cNvSpPr/>
          <p:nvPr>
            <p:custDataLst>
              <p:tags r:id="rId28"/>
            </p:custDataLst>
          </p:nvPr>
        </p:nvSpPr>
        <p:spPr>
          <a:xfrm>
            <a:off x="2760748" y="3297871"/>
            <a:ext cx="228600" cy="254000"/>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82" name="OTLSHAPE_M_3bdee929928a47ec82ab115ac7f7e690_Shape"/>
          <p:cNvSpPr/>
          <p:nvPr>
            <p:custDataLst>
              <p:tags r:id="rId29"/>
            </p:custDataLst>
          </p:nvPr>
        </p:nvSpPr>
        <p:spPr>
          <a:xfrm>
            <a:off x="9799866" y="3303317"/>
            <a:ext cx="228600" cy="254000"/>
          </a:xfrm>
          <a:prstGeom prst="diamond">
            <a:avLst/>
          </a:prstGeom>
          <a:solidFill>
            <a:schemeClr val="accent5"/>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83" name="OTLSHAPE_M_3bdee929928a47ec82ab115ac7f7e690_Connector1"/>
          <p:cNvCxnSpPr/>
          <p:nvPr>
            <p:custDataLst>
              <p:tags r:id="rId30"/>
            </p:custDataLst>
          </p:nvPr>
        </p:nvCxnSpPr>
        <p:spPr>
          <a:xfrm>
            <a:off x="9910185" y="3470959"/>
            <a:ext cx="3981" cy="313874"/>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8" name="OTLSHAPE_M_3bdee929928a47ec82ab115ac7f7e690_Connector1"/>
          <p:cNvCxnSpPr/>
          <p:nvPr>
            <p:custDataLst>
              <p:tags r:id="rId31"/>
            </p:custDataLst>
          </p:nvPr>
        </p:nvCxnSpPr>
        <p:spPr>
          <a:xfrm>
            <a:off x="9035164" y="3283959"/>
            <a:ext cx="24169" cy="1880708"/>
          </a:xfrm>
          <a:prstGeom prst="line">
            <a:avLst/>
          </a:prstGeom>
          <a:ln w="9525" cap="flat" cmpd="sng" algn="ctr">
            <a:solidFill>
              <a:schemeClr val="tx1">
                <a:alpha val="3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M_531134c2e0824479a13cfb7e6eaeb30c_Date"/>
          <p:cNvSpPr txBox="1"/>
          <p:nvPr>
            <p:custDataLst>
              <p:tags r:id="rId32"/>
            </p:custDataLst>
          </p:nvPr>
        </p:nvSpPr>
        <p:spPr>
          <a:xfrm>
            <a:off x="8387246" y="5216456"/>
            <a:ext cx="1217827"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From October 6, 2017</a:t>
            </a:r>
            <a:endParaRPr lang="en-US" sz="1000" dirty="0">
              <a:solidFill>
                <a:srgbClr val="A6B727"/>
              </a:solidFill>
              <a:latin typeface="Arial Narrow" panose="020B0606020202030204" pitchFamily="34" charset="0"/>
            </a:endParaRPr>
          </a:p>
        </p:txBody>
      </p:sp>
      <p:sp>
        <p:nvSpPr>
          <p:cNvPr id="91" name="OTLSHAPE_M_531134c2e0824479a13cfb7e6eaeb30c_Title"/>
          <p:cNvSpPr txBox="1"/>
          <p:nvPr>
            <p:custDataLst>
              <p:tags r:id="rId33"/>
            </p:custDataLst>
          </p:nvPr>
        </p:nvSpPr>
        <p:spPr>
          <a:xfrm>
            <a:off x="8488100" y="5394053"/>
            <a:ext cx="3462450" cy="1231106"/>
          </a:xfrm>
          <a:prstGeom prst="rect">
            <a:avLst/>
          </a:prstGeom>
          <a:noFill/>
          <a:ln w="12700">
            <a:solidFill>
              <a:schemeClr val="tx1"/>
            </a:solidFill>
          </a:ln>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Request for Proposals (RFP’s):</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October - RFP’s released for retailers and cultivation</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November - RFP applications submitted and evaluated (5 retailers, 10 cultivation applications received).</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December - </a:t>
            </a:r>
            <a:r>
              <a:rPr lang="en-US" sz="1000" spc="-4" dirty="0">
                <a:solidFill>
                  <a:srgbClr val="5E5E5E"/>
                </a:solidFill>
                <a:latin typeface="Arial" panose="020B0604020202020204" pitchFamily="34" charset="0"/>
              </a:rPr>
              <a:t>Notice of Intention to Grant a Permit </a:t>
            </a:r>
            <a:r>
              <a:rPr lang="en-US" sz="1000" spc="-4" dirty="0" smtClean="0">
                <a:solidFill>
                  <a:srgbClr val="5E5E5E"/>
                </a:solidFill>
                <a:latin typeface="Arial" panose="020B0604020202020204" pitchFamily="34" charset="0"/>
              </a:rPr>
              <a:t>issued to successful applicants (2 retailer, 4 cultivation)</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January &amp; February – Appeals process conducted and permits granted.</a:t>
            </a:r>
          </a:p>
        </p:txBody>
      </p:sp>
      <p:sp>
        <p:nvSpPr>
          <p:cNvPr id="94" name="OTLSHAPE_M_dba9f1cc2041410b849ee590e76c7780_Shape"/>
          <p:cNvSpPr/>
          <p:nvPr>
            <p:custDataLst>
              <p:tags r:id="rId34"/>
            </p:custDataLst>
          </p:nvPr>
        </p:nvSpPr>
        <p:spPr>
          <a:xfrm>
            <a:off x="9530759" y="2722035"/>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96" name="OTLSHAPE_M_dba9f1cc2041410b849ee590e76c7780_Connector1"/>
          <p:cNvCxnSpPr/>
          <p:nvPr>
            <p:custDataLst>
              <p:tags r:id="rId35"/>
            </p:custDataLst>
          </p:nvPr>
        </p:nvCxnSpPr>
        <p:spPr>
          <a:xfrm>
            <a:off x="8741554" y="2524314"/>
            <a:ext cx="3653" cy="191393"/>
          </a:xfrm>
          <a:prstGeom prst="line">
            <a:avLst/>
          </a:prstGeom>
          <a:ln w="9525" cap="flat" cmpd="sng" algn="ctr">
            <a:solidFill>
              <a:schemeClr val="tx1">
                <a:alpha val="3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8" name="OTLSHAPE_M_531134c2e0824479a13cfb7e6eaeb30c_Date"/>
          <p:cNvSpPr txBox="1"/>
          <p:nvPr>
            <p:custDataLst>
              <p:tags r:id="rId36"/>
            </p:custDataLst>
          </p:nvPr>
        </p:nvSpPr>
        <p:spPr>
          <a:xfrm>
            <a:off x="8995839" y="1709192"/>
            <a:ext cx="800100"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December</a:t>
            </a:r>
            <a:r>
              <a:rPr lang="en-US" sz="1000" dirty="0">
                <a:solidFill>
                  <a:srgbClr val="A6B727"/>
                </a:solidFill>
                <a:latin typeface="Arial Narrow" panose="020B0606020202030204" pitchFamily="34" charset="0"/>
              </a:rPr>
              <a:t> </a:t>
            </a:r>
            <a:r>
              <a:rPr lang="en-US" sz="1000" dirty="0" smtClean="0">
                <a:solidFill>
                  <a:srgbClr val="A6B727"/>
                </a:solidFill>
                <a:latin typeface="Arial Narrow" panose="020B0606020202030204" pitchFamily="34" charset="0"/>
              </a:rPr>
              <a:t>2017</a:t>
            </a:r>
            <a:endParaRPr lang="en-US" sz="1000" dirty="0">
              <a:solidFill>
                <a:srgbClr val="A6B727"/>
              </a:solidFill>
              <a:latin typeface="Arial Narrow" panose="020B0606020202030204" pitchFamily="34" charset="0"/>
            </a:endParaRPr>
          </a:p>
        </p:txBody>
      </p:sp>
      <p:sp>
        <p:nvSpPr>
          <p:cNvPr id="99" name="OTLSHAPE_M_531134c2e0824479a13cfb7e6eaeb30c_Title"/>
          <p:cNvSpPr txBox="1"/>
          <p:nvPr>
            <p:custDataLst>
              <p:tags r:id="rId37"/>
            </p:custDataLst>
          </p:nvPr>
        </p:nvSpPr>
        <p:spPr>
          <a:xfrm>
            <a:off x="7505223" y="960934"/>
            <a:ext cx="2233911" cy="769441"/>
          </a:xfrm>
          <a:prstGeom prst="rect">
            <a:avLst/>
          </a:prstGeom>
          <a:noFill/>
        </p:spPr>
        <p:txBody>
          <a:bodyPr vert="horz" wrap="square" lIns="0" tIns="0" rIns="0" bIns="0" rtlCol="0" anchor="ctr" anchorCtr="0">
            <a:spAutoFit/>
          </a:bodyPr>
          <a:lstStyle/>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Board of Supervisors adopts amendments to ordinances</a:t>
            </a:r>
          </a:p>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Board of Supervisors adopts resolution allowing existing retailers to sell adult use cannabis</a:t>
            </a:r>
            <a:endParaRPr lang="en-US" sz="1000" spc="-4" dirty="0">
              <a:solidFill>
                <a:srgbClr val="5E5E5E"/>
              </a:solidFill>
              <a:latin typeface="Arial" panose="020B0604020202020204" pitchFamily="34" charset="0"/>
            </a:endParaRPr>
          </a:p>
        </p:txBody>
      </p:sp>
      <p:cxnSp>
        <p:nvCxnSpPr>
          <p:cNvPr id="100" name="OTLSHAPE_M_dba9f1cc2041410b849ee590e76c7780_Connector1"/>
          <p:cNvCxnSpPr/>
          <p:nvPr>
            <p:custDataLst>
              <p:tags r:id="rId38"/>
            </p:custDataLst>
          </p:nvPr>
        </p:nvCxnSpPr>
        <p:spPr>
          <a:xfrm>
            <a:off x="9605073" y="1863080"/>
            <a:ext cx="0" cy="867420"/>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6" name="OTLSHAPE_M_dba9f1cc2041410b849ee590e76c7780_Connector1"/>
          <p:cNvCxnSpPr/>
          <p:nvPr>
            <p:custDataLst>
              <p:tags r:id="rId39"/>
            </p:custDataLst>
          </p:nvPr>
        </p:nvCxnSpPr>
        <p:spPr>
          <a:xfrm>
            <a:off x="7124324" y="1889755"/>
            <a:ext cx="14" cy="866140"/>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7" name="OTLSHAPE_M_531134c2e0824479a13cfb7e6eaeb30c_Title"/>
          <p:cNvSpPr txBox="1"/>
          <p:nvPr>
            <p:custDataLst>
              <p:tags r:id="rId40"/>
            </p:custDataLst>
          </p:nvPr>
        </p:nvSpPr>
        <p:spPr>
          <a:xfrm>
            <a:off x="4745246" y="938771"/>
            <a:ext cx="2379078" cy="769441"/>
          </a:xfrm>
          <a:prstGeom prst="rect">
            <a:avLst/>
          </a:prstGeom>
          <a:noFill/>
        </p:spPr>
        <p:txBody>
          <a:bodyPr vert="horz" wrap="square" lIns="0" tIns="0" rIns="0" bIns="0" rtlCol="0" anchor="ctr" anchorCtr="0">
            <a:spAutoFit/>
          </a:bodyPr>
          <a:lstStyle/>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Draft ordinances (updated in response to public hearings) presented to the Board of Supervisors</a:t>
            </a:r>
          </a:p>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CEQA public review period for Mitigated Negative Declaration</a:t>
            </a:r>
            <a:endParaRPr lang="en-US" sz="1000" spc="-4" dirty="0">
              <a:solidFill>
                <a:srgbClr val="5E5E5E"/>
              </a:solidFill>
              <a:latin typeface="Arial" panose="020B0604020202020204" pitchFamily="34" charset="0"/>
            </a:endParaRPr>
          </a:p>
        </p:txBody>
      </p:sp>
      <p:sp>
        <p:nvSpPr>
          <p:cNvPr id="108" name="OTLSHAPE_M_531134c2e0824479a13cfb7e6eaeb30c_Date"/>
          <p:cNvSpPr txBox="1"/>
          <p:nvPr>
            <p:custDataLst>
              <p:tags r:id="rId41"/>
            </p:custDataLst>
          </p:nvPr>
        </p:nvSpPr>
        <p:spPr>
          <a:xfrm>
            <a:off x="7831674" y="2360603"/>
            <a:ext cx="1042644"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September 12, 2017</a:t>
            </a:r>
            <a:endParaRPr lang="en-US" sz="1000" dirty="0">
              <a:solidFill>
                <a:srgbClr val="A6B727"/>
              </a:solidFill>
              <a:latin typeface="Arial Narrow" panose="020B0606020202030204" pitchFamily="34" charset="0"/>
            </a:endParaRPr>
          </a:p>
        </p:txBody>
      </p:sp>
      <p:sp>
        <p:nvSpPr>
          <p:cNvPr id="109" name="OTLSHAPE_M_531134c2e0824479a13cfb7e6eaeb30c_Title"/>
          <p:cNvSpPr txBox="1"/>
          <p:nvPr>
            <p:custDataLst>
              <p:tags r:id="rId42"/>
            </p:custDataLst>
          </p:nvPr>
        </p:nvSpPr>
        <p:spPr>
          <a:xfrm>
            <a:off x="7198050" y="1897971"/>
            <a:ext cx="1625759" cy="461665"/>
          </a:xfrm>
          <a:prstGeom prst="rect">
            <a:avLst/>
          </a:prstGeom>
          <a:solidFill>
            <a:schemeClr val="bg1"/>
          </a:solidFill>
          <a:ln w="12700">
            <a:solidFill>
              <a:schemeClr val="tx1"/>
            </a:solidFill>
          </a:ln>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Board of Supervisors adopts retailer, delivery and cultivation ordinances</a:t>
            </a:r>
            <a:endParaRPr lang="en-US" sz="1000" spc="-4" dirty="0">
              <a:solidFill>
                <a:srgbClr val="5E5E5E"/>
              </a:solidFill>
              <a:latin typeface="Arial" panose="020B0604020202020204" pitchFamily="34" charset="0"/>
            </a:endParaRPr>
          </a:p>
        </p:txBody>
      </p:sp>
      <p:sp>
        <p:nvSpPr>
          <p:cNvPr id="111" name="OTLSHAPE_M_dba9f1cc2041410b849ee590e76c7780_Shape"/>
          <p:cNvSpPr/>
          <p:nvPr>
            <p:custDataLst>
              <p:tags r:id="rId43"/>
            </p:custDataLst>
          </p:nvPr>
        </p:nvSpPr>
        <p:spPr>
          <a:xfrm>
            <a:off x="2648461" y="2732153"/>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113" name="OTLSHAPE_M_531134c2e0824479a13cfb7e6eaeb30c_Date"/>
          <p:cNvSpPr txBox="1"/>
          <p:nvPr>
            <p:custDataLst>
              <p:tags r:id="rId44"/>
            </p:custDataLst>
          </p:nvPr>
        </p:nvSpPr>
        <p:spPr>
          <a:xfrm>
            <a:off x="2599304" y="2355542"/>
            <a:ext cx="849603"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January 21, 2016</a:t>
            </a:r>
            <a:endParaRPr lang="en-US" sz="1000" dirty="0">
              <a:solidFill>
                <a:srgbClr val="A6B727"/>
              </a:solidFill>
              <a:latin typeface="Arial Narrow" panose="020B0606020202030204" pitchFamily="34" charset="0"/>
            </a:endParaRPr>
          </a:p>
        </p:txBody>
      </p:sp>
      <p:sp>
        <p:nvSpPr>
          <p:cNvPr id="114" name="OTLSHAPE_M_531134c2e0824479a13cfb7e6eaeb30c_Title"/>
          <p:cNvSpPr txBox="1"/>
          <p:nvPr>
            <p:custDataLst>
              <p:tags r:id="rId45"/>
            </p:custDataLst>
          </p:nvPr>
        </p:nvSpPr>
        <p:spPr>
          <a:xfrm>
            <a:off x="2448214" y="1729544"/>
            <a:ext cx="2222801" cy="615553"/>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Board of Supervisors adopts prohibition on deliveries and cultivation and staff commences review of regulatory options</a:t>
            </a:r>
            <a:endParaRPr lang="en-US" sz="1000" spc="-4" dirty="0">
              <a:solidFill>
                <a:srgbClr val="5E5E5E"/>
              </a:solidFill>
              <a:latin typeface="Arial" panose="020B0604020202020204" pitchFamily="34" charset="0"/>
            </a:endParaRPr>
          </a:p>
        </p:txBody>
      </p:sp>
      <p:cxnSp>
        <p:nvCxnSpPr>
          <p:cNvPr id="116" name="OTLSHAPE_M_3bdee929928a47ec82ab115ac7f7e690_Connector1"/>
          <p:cNvCxnSpPr/>
          <p:nvPr>
            <p:custDataLst>
              <p:tags r:id="rId46"/>
            </p:custDataLst>
          </p:nvPr>
        </p:nvCxnSpPr>
        <p:spPr>
          <a:xfrm>
            <a:off x="2874369" y="3521758"/>
            <a:ext cx="3981" cy="313874"/>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7" name="OTLSHAPE_M_3bdee929928a47ec82ab115ac7f7e690_Connector1"/>
          <p:cNvCxnSpPr/>
          <p:nvPr>
            <p:custDataLst>
              <p:tags r:id="rId47"/>
            </p:custDataLst>
          </p:nvPr>
        </p:nvCxnSpPr>
        <p:spPr>
          <a:xfrm>
            <a:off x="6514932" y="3479894"/>
            <a:ext cx="3981" cy="313874"/>
          </a:xfrm>
          <a:prstGeom prst="line">
            <a:avLst/>
          </a:prstGeom>
          <a:ln w="9525" cap="flat" cmpd="sng" algn="ctr">
            <a:solidFill>
              <a:schemeClr val="accent5">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M_516c2b687a0e49c6ad1a04234904938f_Title"/>
          <p:cNvSpPr txBox="1"/>
          <p:nvPr>
            <p:custDataLst>
              <p:tags r:id="rId48"/>
            </p:custDataLst>
          </p:nvPr>
        </p:nvSpPr>
        <p:spPr>
          <a:xfrm>
            <a:off x="6102265" y="3832724"/>
            <a:ext cx="1625636" cy="184666"/>
          </a:xfrm>
          <a:prstGeom prst="rect">
            <a:avLst/>
          </a:prstGeom>
          <a:noFill/>
        </p:spPr>
        <p:txBody>
          <a:bodyPr vert="horz" wrap="square" lIns="0" tIns="0" rIns="0" bIns="0" rtlCol="0" anchor="ctr" anchorCtr="0">
            <a:spAutoFit/>
          </a:bodyPr>
          <a:lstStyle/>
          <a:p>
            <a:r>
              <a:rPr lang="en-US" sz="1200" spc="-22" dirty="0" smtClean="0">
                <a:solidFill>
                  <a:srgbClr val="DF5327"/>
                </a:solidFill>
                <a:latin typeface="Arial" panose="020B0604020202020204" pitchFamily="34" charset="0"/>
              </a:rPr>
              <a:t>Public meetings in 2017</a:t>
            </a:r>
            <a:endParaRPr lang="en-US" sz="1200" spc="-22" dirty="0">
              <a:solidFill>
                <a:srgbClr val="DF5327"/>
              </a:solidFill>
              <a:latin typeface="Arial" panose="020B0604020202020204" pitchFamily="34" charset="0"/>
            </a:endParaRPr>
          </a:p>
        </p:txBody>
      </p:sp>
      <p:sp>
        <p:nvSpPr>
          <p:cNvPr id="119" name="OTLSHAPE_M_516c2b687a0e49c6ad1a04234904938f_Title"/>
          <p:cNvSpPr txBox="1"/>
          <p:nvPr>
            <p:custDataLst>
              <p:tags r:id="rId49"/>
            </p:custDataLst>
          </p:nvPr>
        </p:nvSpPr>
        <p:spPr>
          <a:xfrm>
            <a:off x="2466949" y="3846682"/>
            <a:ext cx="1625636" cy="184666"/>
          </a:xfrm>
          <a:prstGeom prst="rect">
            <a:avLst/>
          </a:prstGeom>
          <a:noFill/>
        </p:spPr>
        <p:txBody>
          <a:bodyPr vert="horz" wrap="square" lIns="0" tIns="0" rIns="0" bIns="0" rtlCol="0" anchor="ctr" anchorCtr="0">
            <a:spAutoFit/>
          </a:bodyPr>
          <a:lstStyle/>
          <a:p>
            <a:r>
              <a:rPr lang="en-US" sz="1200" spc="-22" dirty="0" smtClean="0">
                <a:solidFill>
                  <a:srgbClr val="DF5327"/>
                </a:solidFill>
                <a:latin typeface="Arial" panose="020B0604020202020204" pitchFamily="34" charset="0"/>
              </a:rPr>
              <a:t>Public meetings in 2016</a:t>
            </a:r>
            <a:endParaRPr lang="en-US" sz="1200" spc="-22" dirty="0">
              <a:solidFill>
                <a:srgbClr val="DF5327"/>
              </a:solidFill>
              <a:latin typeface="Arial" panose="020B0604020202020204" pitchFamily="34" charset="0"/>
            </a:endParaRPr>
          </a:p>
        </p:txBody>
      </p:sp>
      <p:sp>
        <p:nvSpPr>
          <p:cNvPr id="120" name="OTLSHAPE_M_531134c2e0824479a13cfb7e6eaeb30c_Title"/>
          <p:cNvSpPr txBox="1"/>
          <p:nvPr>
            <p:custDataLst>
              <p:tags r:id="rId50"/>
            </p:custDataLst>
          </p:nvPr>
        </p:nvSpPr>
        <p:spPr>
          <a:xfrm>
            <a:off x="2334341" y="4018618"/>
            <a:ext cx="2885174" cy="1384995"/>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21 public meetings held in 2016, including: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of Supervisors</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Transportation &amp; Planning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Planning Commission</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Castro Valley Municipal Advisory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Agricultural Advisory Committee</a:t>
            </a:r>
          </a:p>
          <a:p>
            <a:pPr marL="400050" lvl="1" indent="-171450">
              <a:buFont typeface="Courier New" panose="02070309020205020404" pitchFamily="49" charset="0"/>
              <a:buChar char="o"/>
              <a:tabLst>
                <a:tab pos="398463" algn="l"/>
              </a:tabLst>
            </a:pPr>
            <a:r>
              <a:rPr lang="en-US" sz="1000" spc="-4" dirty="0" err="1" smtClean="0">
                <a:solidFill>
                  <a:srgbClr val="5E5E5E"/>
                </a:solidFill>
                <a:latin typeface="Arial" panose="020B0604020202020204" pitchFamily="34" charset="0"/>
              </a:rPr>
              <a:t>Sunol</a:t>
            </a:r>
            <a:r>
              <a:rPr lang="en-US" sz="1000" spc="-4" dirty="0" smtClean="0">
                <a:solidFill>
                  <a:srgbClr val="5E5E5E"/>
                </a:solidFill>
                <a:latin typeface="Arial" panose="020B0604020202020204" pitchFamily="34" charset="0"/>
              </a:rPr>
              <a:t> Citizens Advisory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Unincorporated Services Committee</a:t>
            </a:r>
          </a:p>
          <a:p>
            <a:pPr marL="400050" lvl="1" indent="-171450">
              <a:buFont typeface="Courier New" panose="02070309020205020404" pitchFamily="49" charset="0"/>
              <a:buChar char="o"/>
              <a:tabLst>
                <a:tab pos="398463" algn="l"/>
              </a:tabLst>
            </a:pPr>
            <a:r>
              <a:rPr lang="en-US" sz="1000" spc="-4" dirty="0">
                <a:solidFill>
                  <a:srgbClr val="5E5E5E"/>
                </a:solidFill>
                <a:latin typeface="Arial" panose="020B0604020202020204" pitchFamily="34" charset="0"/>
              </a:rPr>
              <a:t>East County Community </a:t>
            </a:r>
            <a:r>
              <a:rPr lang="en-US" sz="1000" spc="-4" dirty="0" smtClean="0">
                <a:solidFill>
                  <a:srgbClr val="5E5E5E"/>
                </a:solidFill>
                <a:latin typeface="Arial" panose="020B0604020202020204" pitchFamily="34" charset="0"/>
              </a:rPr>
              <a:t>Meeting</a:t>
            </a:r>
            <a:endParaRPr lang="en-US" sz="1000" spc="-4" dirty="0">
              <a:solidFill>
                <a:srgbClr val="5E5E5E"/>
              </a:solidFill>
              <a:latin typeface="Arial" panose="020B0604020202020204" pitchFamily="34" charset="0"/>
            </a:endParaRPr>
          </a:p>
        </p:txBody>
      </p:sp>
      <p:sp>
        <p:nvSpPr>
          <p:cNvPr id="121" name="OTLSHAPE_M_531134c2e0824479a13cfb7e6eaeb30c_Title"/>
          <p:cNvSpPr txBox="1"/>
          <p:nvPr>
            <p:custDataLst>
              <p:tags r:id="rId51"/>
            </p:custDataLst>
          </p:nvPr>
        </p:nvSpPr>
        <p:spPr>
          <a:xfrm>
            <a:off x="5890440" y="4016086"/>
            <a:ext cx="2885174" cy="1231106"/>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27 public meetings held in 2017, including: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of Supervisors</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Transportation &amp; Planning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Planning Commission</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Castro Valley Municipal Advisory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Agricultural Advisory Committee</a:t>
            </a:r>
          </a:p>
          <a:p>
            <a:pPr marL="400050" lvl="1" indent="-171450">
              <a:buFont typeface="Courier New" panose="02070309020205020404" pitchFamily="49" charset="0"/>
              <a:buChar char="o"/>
              <a:tabLst>
                <a:tab pos="398463" algn="l"/>
              </a:tabLst>
            </a:pPr>
            <a:r>
              <a:rPr lang="en-US" sz="1000" spc="-4" dirty="0" err="1" smtClean="0">
                <a:solidFill>
                  <a:srgbClr val="5E5E5E"/>
                </a:solidFill>
                <a:latin typeface="Arial" panose="020B0604020202020204" pitchFamily="34" charset="0"/>
              </a:rPr>
              <a:t>Sunol</a:t>
            </a:r>
            <a:r>
              <a:rPr lang="en-US" sz="1000" spc="-4" dirty="0" smtClean="0">
                <a:solidFill>
                  <a:srgbClr val="5E5E5E"/>
                </a:solidFill>
                <a:latin typeface="Arial" panose="020B0604020202020204" pitchFamily="34" charset="0"/>
              </a:rPr>
              <a:t> Citizens Advisory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Unincorporated Services Committee</a:t>
            </a:r>
          </a:p>
        </p:txBody>
      </p:sp>
      <p:sp>
        <p:nvSpPr>
          <p:cNvPr id="122" name="OTLSHAPE_M_dba9f1cc2041410b849ee590e76c7780_Shape"/>
          <p:cNvSpPr/>
          <p:nvPr>
            <p:custDataLst>
              <p:tags r:id="rId52"/>
            </p:custDataLst>
          </p:nvPr>
        </p:nvSpPr>
        <p:spPr>
          <a:xfrm>
            <a:off x="4358729" y="2732150"/>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123" name="OTLSHAPE_M_dba9f1cc2041410b849ee590e76c7780_Connector1"/>
          <p:cNvCxnSpPr/>
          <p:nvPr>
            <p:custDataLst>
              <p:tags r:id="rId53"/>
            </p:custDataLst>
          </p:nvPr>
        </p:nvCxnSpPr>
        <p:spPr>
          <a:xfrm flipH="1">
            <a:off x="4423467" y="1603441"/>
            <a:ext cx="11461" cy="1152454"/>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5" name="OTLSHAPE_M_531134c2e0824479a13cfb7e6eaeb30c_Date"/>
          <p:cNvSpPr txBox="1"/>
          <p:nvPr>
            <p:custDataLst>
              <p:tags r:id="rId54"/>
            </p:custDataLst>
          </p:nvPr>
        </p:nvSpPr>
        <p:spPr>
          <a:xfrm>
            <a:off x="3572933" y="1417088"/>
            <a:ext cx="906037"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September 7, 2016</a:t>
            </a:r>
            <a:endParaRPr lang="en-US" sz="1000" dirty="0">
              <a:solidFill>
                <a:srgbClr val="A6B727"/>
              </a:solidFill>
              <a:latin typeface="Arial Narrow" panose="020B0606020202030204" pitchFamily="34" charset="0"/>
            </a:endParaRPr>
          </a:p>
        </p:txBody>
      </p:sp>
      <p:sp>
        <p:nvSpPr>
          <p:cNvPr id="126" name="OTLSHAPE_M_531134c2e0824479a13cfb7e6eaeb30c_Title"/>
          <p:cNvSpPr txBox="1"/>
          <p:nvPr>
            <p:custDataLst>
              <p:tags r:id="rId55"/>
            </p:custDataLst>
          </p:nvPr>
        </p:nvSpPr>
        <p:spPr>
          <a:xfrm>
            <a:off x="2632011" y="958158"/>
            <a:ext cx="1806096" cy="461665"/>
          </a:xfrm>
          <a:prstGeom prst="rect">
            <a:avLst/>
          </a:prstGeom>
          <a:noFill/>
        </p:spPr>
        <p:txBody>
          <a:bodyPr vert="horz" wrap="square" lIns="0" tIns="0" rIns="0" bIns="0" rtlCol="0" anchor="ctr" anchorCtr="0">
            <a:spAutoFit/>
          </a:bodyPr>
          <a:lstStyle/>
          <a:p>
            <a:pPr marL="171450" indent="-171450" algn="r">
              <a:buFont typeface="Arial" panose="020B0604020202020204" pitchFamily="34" charset="0"/>
              <a:buChar char="•"/>
            </a:pPr>
            <a:r>
              <a:rPr lang="en-US" sz="1000" spc="-4" dirty="0">
                <a:solidFill>
                  <a:srgbClr val="5E5E5E"/>
                </a:solidFill>
                <a:latin typeface="Arial" panose="020B0604020202020204" pitchFamily="34" charset="0"/>
              </a:rPr>
              <a:t>F</a:t>
            </a:r>
            <a:r>
              <a:rPr lang="en-US" sz="1000" spc="-4" dirty="0" smtClean="0">
                <a:solidFill>
                  <a:srgbClr val="5E5E5E"/>
                </a:solidFill>
                <a:latin typeface="Arial" panose="020B0604020202020204" pitchFamily="34" charset="0"/>
              </a:rPr>
              <a:t>irst draft ordinances presented to Board of Supervisors for consideration</a:t>
            </a:r>
            <a:endParaRPr lang="en-US" sz="1000" spc="-4" dirty="0">
              <a:solidFill>
                <a:srgbClr val="5E5E5E"/>
              </a:solidFill>
              <a:latin typeface="Arial" panose="020B0604020202020204" pitchFamily="34" charset="0"/>
            </a:endParaRPr>
          </a:p>
        </p:txBody>
      </p:sp>
      <p:cxnSp>
        <p:nvCxnSpPr>
          <p:cNvPr id="129" name="OTLSHAPE_M_dba9f1cc2041410b849ee590e76c7780_Connector1"/>
          <p:cNvCxnSpPr/>
          <p:nvPr>
            <p:custDataLst>
              <p:tags r:id="rId56"/>
            </p:custDataLst>
          </p:nvPr>
        </p:nvCxnSpPr>
        <p:spPr>
          <a:xfrm>
            <a:off x="2721114" y="2550411"/>
            <a:ext cx="3653" cy="191393"/>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2" name="OTLSHAPE_M_dba9f1cc2041410b849ee590e76c7780_Shape"/>
          <p:cNvSpPr/>
          <p:nvPr>
            <p:custDataLst>
              <p:tags r:id="rId57"/>
            </p:custDataLst>
          </p:nvPr>
        </p:nvSpPr>
        <p:spPr>
          <a:xfrm>
            <a:off x="5783694" y="2730411"/>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cxnSp>
        <p:nvCxnSpPr>
          <p:cNvPr id="133" name="OTLSHAPE_M_dba9f1cc2041410b849ee590e76c7780_Connector1"/>
          <p:cNvCxnSpPr/>
          <p:nvPr>
            <p:custDataLst>
              <p:tags r:id="rId58"/>
            </p:custDataLst>
          </p:nvPr>
        </p:nvCxnSpPr>
        <p:spPr>
          <a:xfrm>
            <a:off x="5854961" y="2540392"/>
            <a:ext cx="3653" cy="191393"/>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4" name="OTLSHAPE_M_531134c2e0824479a13cfb7e6eaeb30c_Date"/>
          <p:cNvSpPr txBox="1"/>
          <p:nvPr>
            <p:custDataLst>
              <p:tags r:id="rId59"/>
            </p:custDataLst>
          </p:nvPr>
        </p:nvSpPr>
        <p:spPr>
          <a:xfrm>
            <a:off x="5289371" y="2347099"/>
            <a:ext cx="807406"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Throughout 2016</a:t>
            </a:r>
            <a:endParaRPr lang="en-US" sz="1000" dirty="0">
              <a:solidFill>
                <a:srgbClr val="A6B727"/>
              </a:solidFill>
              <a:latin typeface="Arial Narrow" panose="020B0606020202030204" pitchFamily="34" charset="0"/>
            </a:endParaRPr>
          </a:p>
        </p:txBody>
      </p:sp>
      <p:sp>
        <p:nvSpPr>
          <p:cNvPr id="136" name="OTLSHAPE_M_531134c2e0824479a13cfb7e6eaeb30c_Title"/>
          <p:cNvSpPr txBox="1"/>
          <p:nvPr>
            <p:custDataLst>
              <p:tags r:id="rId60"/>
            </p:custDataLst>
          </p:nvPr>
        </p:nvSpPr>
        <p:spPr>
          <a:xfrm>
            <a:off x="4297645" y="1881262"/>
            <a:ext cx="1804620" cy="461665"/>
          </a:xfrm>
          <a:prstGeom prst="rect">
            <a:avLst/>
          </a:prstGeom>
          <a:noFill/>
        </p:spPr>
        <p:txBody>
          <a:bodyPr vert="horz" wrap="square" lIns="0" tIns="0" rIns="0" bIns="0" rtlCol="0" anchor="ctr" anchorCtr="0">
            <a:spAutoFit/>
          </a:bodyPr>
          <a:lstStyle/>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Ordinance development including feedback from community meetings</a:t>
            </a:r>
            <a:endParaRPr lang="en-US" sz="1000" spc="-4" dirty="0">
              <a:solidFill>
                <a:srgbClr val="5E5E5E"/>
              </a:solidFill>
              <a:latin typeface="Arial" panose="020B0604020202020204" pitchFamily="34" charset="0"/>
            </a:endParaRPr>
          </a:p>
        </p:txBody>
      </p:sp>
      <p:sp>
        <p:nvSpPr>
          <p:cNvPr id="137" name="OTLSHAPE_M_d508bc8e7bdc47cbb9f4b176c303be74_Shape"/>
          <p:cNvSpPr/>
          <p:nvPr/>
        </p:nvSpPr>
        <p:spPr>
          <a:xfrm>
            <a:off x="8622178" y="2667656"/>
            <a:ext cx="228600" cy="254000"/>
          </a:xfrm>
          <a:prstGeom prst="star5">
            <a:avLst>
              <a:gd name="adj" fmla="val 25000"/>
              <a:gd name="hf" fmla="val 105146"/>
              <a:gd name="vf" fmla="val 110557"/>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solidFill>
                <a:prstClr val="white"/>
              </a:solidFill>
            </a:endParaRPr>
          </a:p>
        </p:txBody>
      </p:sp>
      <p:sp>
        <p:nvSpPr>
          <p:cNvPr id="73" name="OTLSHAPE_M_dba9f1cc2041410b849ee590e76c7780_Shape"/>
          <p:cNvSpPr/>
          <p:nvPr>
            <p:custDataLst>
              <p:tags r:id="rId61"/>
            </p:custDataLst>
          </p:nvPr>
        </p:nvSpPr>
        <p:spPr>
          <a:xfrm>
            <a:off x="1988055" y="2732148"/>
            <a:ext cx="152400" cy="177800"/>
          </a:xfrm>
          <a:prstGeom prst="flowChartManualOperation">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prstClr val="white"/>
              </a:solidFill>
            </a:endParaRPr>
          </a:p>
        </p:txBody>
      </p:sp>
      <p:sp>
        <p:nvSpPr>
          <p:cNvPr id="77" name="OTLSHAPE_M_531134c2e0824479a13cfb7e6eaeb30c_Date"/>
          <p:cNvSpPr txBox="1"/>
          <p:nvPr>
            <p:custDataLst>
              <p:tags r:id="rId62"/>
            </p:custDataLst>
          </p:nvPr>
        </p:nvSpPr>
        <p:spPr>
          <a:xfrm>
            <a:off x="1307786" y="2355542"/>
            <a:ext cx="849603" cy="153888"/>
          </a:xfrm>
          <a:prstGeom prst="rect">
            <a:avLst/>
          </a:prstGeom>
          <a:noFill/>
        </p:spPr>
        <p:txBody>
          <a:bodyPr vert="horz" wrap="square" lIns="0" tIns="0" rIns="0" bIns="0" rtlCol="0" anchor="ctr" anchorCtr="0">
            <a:spAutoFit/>
          </a:bodyPr>
          <a:lstStyle/>
          <a:p>
            <a:pPr algn="ctr"/>
            <a:r>
              <a:rPr lang="en-US" sz="1000" dirty="0" smtClean="0">
                <a:solidFill>
                  <a:srgbClr val="A6B727"/>
                </a:solidFill>
                <a:latin typeface="Arial Narrow" panose="020B0606020202030204" pitchFamily="34" charset="0"/>
              </a:rPr>
              <a:t>October 15, 2015</a:t>
            </a:r>
            <a:endParaRPr lang="en-US" sz="1000" dirty="0">
              <a:solidFill>
                <a:srgbClr val="A6B727"/>
              </a:solidFill>
              <a:latin typeface="Arial Narrow" panose="020B0606020202030204" pitchFamily="34" charset="0"/>
            </a:endParaRPr>
          </a:p>
        </p:txBody>
      </p:sp>
      <p:sp>
        <p:nvSpPr>
          <p:cNvPr id="79" name="OTLSHAPE_M_531134c2e0824479a13cfb7e6eaeb30c_Title"/>
          <p:cNvSpPr txBox="1"/>
          <p:nvPr>
            <p:custDataLst>
              <p:tags r:id="rId63"/>
            </p:custDataLst>
          </p:nvPr>
        </p:nvSpPr>
        <p:spPr>
          <a:xfrm>
            <a:off x="435661" y="2202668"/>
            <a:ext cx="1719307" cy="153888"/>
          </a:xfrm>
          <a:prstGeom prst="rect">
            <a:avLst/>
          </a:prstGeom>
          <a:noFill/>
        </p:spPr>
        <p:txBody>
          <a:bodyPr vert="horz" wrap="square" lIns="0" tIns="0" rIns="0" bIns="0" rtlCol="0" anchor="ctr" anchorCtr="0">
            <a:spAutoFit/>
          </a:bodyPr>
          <a:lstStyle/>
          <a:p>
            <a:pPr marL="171450" indent="-171450" algn="r">
              <a:buFont typeface="Arial" panose="020B0604020202020204" pitchFamily="34" charset="0"/>
              <a:buChar char="•"/>
            </a:pPr>
            <a:r>
              <a:rPr lang="en-US" sz="1000" spc="-4" dirty="0" smtClean="0">
                <a:solidFill>
                  <a:srgbClr val="5E5E5E"/>
                </a:solidFill>
                <a:latin typeface="Arial" panose="020B0604020202020204" pitchFamily="34" charset="0"/>
              </a:rPr>
              <a:t>State adopts MMRSA</a:t>
            </a:r>
            <a:endParaRPr lang="en-US" sz="1000" spc="-4" dirty="0">
              <a:solidFill>
                <a:srgbClr val="5E5E5E"/>
              </a:solidFill>
              <a:latin typeface="Arial" panose="020B0604020202020204" pitchFamily="34" charset="0"/>
            </a:endParaRPr>
          </a:p>
        </p:txBody>
      </p:sp>
      <p:cxnSp>
        <p:nvCxnSpPr>
          <p:cNvPr id="80" name="OTLSHAPE_M_dba9f1cc2041410b849ee590e76c7780_Connector1"/>
          <p:cNvCxnSpPr/>
          <p:nvPr>
            <p:custDataLst>
              <p:tags r:id="rId64"/>
            </p:custDataLst>
          </p:nvPr>
        </p:nvCxnSpPr>
        <p:spPr>
          <a:xfrm>
            <a:off x="2060718" y="2550406"/>
            <a:ext cx="3653" cy="191393"/>
          </a:xfrm>
          <a:prstGeom prst="line">
            <a:avLst/>
          </a:prstGeom>
          <a:ln w="9525" cap="flat" cmpd="sng" algn="ctr">
            <a:solidFill>
              <a:schemeClr val="accent6">
                <a:alpha val="3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1" name="OTLSHAPE_M_516c2b687a0e49c6ad1a04234904938f_Title"/>
          <p:cNvSpPr txBox="1"/>
          <p:nvPr>
            <p:custDataLst>
              <p:tags r:id="rId65"/>
            </p:custDataLst>
          </p:nvPr>
        </p:nvSpPr>
        <p:spPr>
          <a:xfrm>
            <a:off x="9770677" y="3832724"/>
            <a:ext cx="1625636" cy="184666"/>
          </a:xfrm>
          <a:prstGeom prst="rect">
            <a:avLst/>
          </a:prstGeom>
          <a:noFill/>
        </p:spPr>
        <p:txBody>
          <a:bodyPr vert="horz" wrap="square" lIns="0" tIns="0" rIns="0" bIns="0" rtlCol="0" anchor="ctr" anchorCtr="0">
            <a:spAutoFit/>
          </a:bodyPr>
          <a:lstStyle/>
          <a:p>
            <a:r>
              <a:rPr lang="en-US" sz="1200" spc="-22" dirty="0" smtClean="0">
                <a:solidFill>
                  <a:srgbClr val="DF5327"/>
                </a:solidFill>
                <a:latin typeface="Arial" panose="020B0604020202020204" pitchFamily="34" charset="0"/>
              </a:rPr>
              <a:t>Public meetings in 2017</a:t>
            </a:r>
            <a:endParaRPr lang="en-US" sz="1200" spc="-22" dirty="0">
              <a:solidFill>
                <a:srgbClr val="DF5327"/>
              </a:solidFill>
              <a:latin typeface="Arial" panose="020B0604020202020204" pitchFamily="34" charset="0"/>
            </a:endParaRPr>
          </a:p>
        </p:txBody>
      </p:sp>
      <p:sp>
        <p:nvSpPr>
          <p:cNvPr id="84" name="OTLSHAPE_M_d508bc8e7bdc47cbb9f4b176c303be74_Shape"/>
          <p:cNvSpPr/>
          <p:nvPr/>
        </p:nvSpPr>
        <p:spPr>
          <a:xfrm>
            <a:off x="8916054" y="3279216"/>
            <a:ext cx="228600" cy="254000"/>
          </a:xfrm>
          <a:prstGeom prst="star5">
            <a:avLst>
              <a:gd name="adj" fmla="val 25000"/>
              <a:gd name="hf" fmla="val 105146"/>
              <a:gd name="vf" fmla="val 110557"/>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a:solidFill>
                <a:prstClr val="white"/>
              </a:solidFill>
            </a:endParaRPr>
          </a:p>
        </p:txBody>
      </p:sp>
      <p:sp>
        <p:nvSpPr>
          <p:cNvPr id="85" name="OTLSHAPE_M_531134c2e0824479a13cfb7e6eaeb30c_Title"/>
          <p:cNvSpPr txBox="1"/>
          <p:nvPr>
            <p:custDataLst>
              <p:tags r:id="rId66"/>
            </p:custDataLst>
          </p:nvPr>
        </p:nvSpPr>
        <p:spPr>
          <a:xfrm>
            <a:off x="9611363" y="4017390"/>
            <a:ext cx="2341592" cy="1231106"/>
          </a:xfrm>
          <a:prstGeom prst="rect">
            <a:avLst/>
          </a:prstGeom>
          <a:noFill/>
        </p:spPr>
        <p:txBody>
          <a:bodyPr vert="horz" wrap="square" lIns="0" tIns="0" rIns="0" bIns="0" rtlCol="0" anchor="ctr" anchorCtr="0">
            <a:spAutoFit/>
          </a:bodyPr>
          <a:lstStyle/>
          <a:p>
            <a:pPr marL="171450" indent="-171450">
              <a:buFont typeface="Arial" panose="020B0604020202020204" pitchFamily="34" charset="0"/>
              <a:buChar char="•"/>
            </a:pPr>
            <a:r>
              <a:rPr lang="en-US" sz="1000" spc="-4" dirty="0" smtClean="0">
                <a:solidFill>
                  <a:srgbClr val="5E5E5E"/>
                </a:solidFill>
                <a:latin typeface="Arial" panose="020B0604020202020204" pitchFamily="34" charset="0"/>
              </a:rPr>
              <a:t>Meetings held so far in 2018, includ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of Supervisors</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Board Transportation &amp; Planning Committee </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Planning Commission</a:t>
            </a:r>
          </a:p>
          <a:p>
            <a:pPr marL="400050" lvl="1" indent="-171450">
              <a:buFont typeface="Courier New" panose="02070309020205020404" pitchFamily="49" charset="0"/>
              <a:buChar char="o"/>
              <a:tabLst>
                <a:tab pos="398463" algn="l"/>
              </a:tabLst>
            </a:pPr>
            <a:r>
              <a:rPr lang="en-US" sz="1000" spc="-4" dirty="0" smtClean="0">
                <a:solidFill>
                  <a:srgbClr val="5E5E5E"/>
                </a:solidFill>
                <a:latin typeface="Arial" panose="020B0604020202020204" pitchFamily="34" charset="0"/>
              </a:rPr>
              <a:t>Agricultural Advisory Committee</a:t>
            </a:r>
          </a:p>
          <a:p>
            <a:pPr marL="400050" lvl="1" indent="-171450">
              <a:buFont typeface="Courier New" panose="02070309020205020404" pitchFamily="49" charset="0"/>
              <a:buChar char="o"/>
              <a:tabLst>
                <a:tab pos="398463" algn="l"/>
              </a:tabLst>
            </a:pPr>
            <a:r>
              <a:rPr lang="en-US" sz="1000" spc="-4" dirty="0" err="1" smtClean="0">
                <a:solidFill>
                  <a:srgbClr val="5E5E5E"/>
                </a:solidFill>
                <a:latin typeface="Arial" panose="020B0604020202020204" pitchFamily="34" charset="0"/>
              </a:rPr>
              <a:t>Sunol</a:t>
            </a:r>
            <a:r>
              <a:rPr lang="en-US" sz="1000" spc="-4" dirty="0" smtClean="0">
                <a:solidFill>
                  <a:srgbClr val="5E5E5E"/>
                </a:solidFill>
                <a:latin typeface="Arial" panose="020B0604020202020204" pitchFamily="34" charset="0"/>
              </a:rPr>
              <a:t> Citizens Advisory Committee </a:t>
            </a:r>
          </a:p>
        </p:txBody>
      </p:sp>
    </p:spTree>
    <p:custDataLst>
      <p:tags r:id="rId1"/>
    </p:custDataLst>
    <p:extLst>
      <p:ext uri="{BB962C8B-B14F-4D97-AF65-F5344CB8AC3E}">
        <p14:creationId xmlns:p14="http://schemas.microsoft.com/office/powerpoint/2010/main" val="2198316649"/>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92232" y="16625"/>
            <a:ext cx="10972800" cy="1600200"/>
          </a:xfrm>
        </p:spPr>
        <p:txBody>
          <a:bodyPr/>
          <a:lstStyle/>
          <a:p>
            <a:r>
              <a:rPr lang="en-US" dirty="0" smtClean="0"/>
              <a:t>What is Allowed in Unincorporated Alameda County</a:t>
            </a:r>
            <a:endParaRPr lang="en-US" dirty="0"/>
          </a:p>
        </p:txBody>
      </p:sp>
      <p:sp>
        <p:nvSpPr>
          <p:cNvPr id="3" name="Content Placeholder 2"/>
          <p:cNvSpPr>
            <a:spLocks noGrp="1"/>
          </p:cNvSpPr>
          <p:nvPr>
            <p:ph idx="1"/>
          </p:nvPr>
        </p:nvSpPr>
        <p:spPr>
          <a:xfrm>
            <a:off x="609600" y="1846262"/>
            <a:ext cx="10972800" cy="4368684"/>
          </a:xfrm>
        </p:spPr>
        <p:txBody>
          <a:bodyPr>
            <a:normAutofit/>
          </a:bodyPr>
          <a:lstStyle/>
          <a:p>
            <a:r>
              <a:rPr lang="en-US" b="1" dirty="0" smtClean="0"/>
              <a:t>Dispensaries</a:t>
            </a:r>
            <a:endParaRPr lang="en-US" b="1" dirty="0"/>
          </a:p>
          <a:p>
            <a:r>
              <a:rPr lang="en-US" sz="1500" dirty="0"/>
              <a:t>Up to five (5) dispensaries in total may be permitted in unincorporated Alameda County, subject to a Request for Proposal process (RFP) and the selected candidate(s) obtaining a Cannabis Dispensary Permit pursuant to Chapter 6.108 of the County General Code and a Conditional Use Permit ("CUP").</a:t>
            </a:r>
          </a:p>
          <a:p>
            <a:r>
              <a:rPr lang="en-US" sz="1500" dirty="0"/>
              <a:t>This will allow three (3) new dispensaries in addition to the (2) existing dispensaries that are already in operation in the unincorporated area:</a:t>
            </a:r>
          </a:p>
          <a:p>
            <a:pPr lvl="1"/>
            <a:r>
              <a:rPr lang="en-US" sz="1500" dirty="0"/>
              <a:t>A maximum of one (1) new dispensary in the west of the County, which must be located in the Retail Business or General Commercial zone; and</a:t>
            </a:r>
          </a:p>
          <a:p>
            <a:pPr lvl="1"/>
            <a:r>
              <a:rPr lang="en-US" sz="1500" dirty="0"/>
              <a:t>A maximum of two (2) new dispensaries in the east of the County, which must be located in the Agricultural zone and must be at least five (5) miles apart from another dispensary in the east County and 1 mile from any dispensary in an incorporated city.</a:t>
            </a:r>
          </a:p>
          <a:p>
            <a:r>
              <a:rPr lang="en-US" sz="1500" dirty="0"/>
              <a:t>A dispensary must not be located within 1,000 feet of any other dispensary or any school, licensed child or day care facility, public park or playground, drug recovery facility or recreation center and must not be located in a residential zone or its equivalent.</a:t>
            </a:r>
          </a:p>
          <a:p>
            <a:pPr marL="0" indent="0">
              <a:buNone/>
            </a:pPr>
            <a:endParaRPr lang="en-US" dirty="0"/>
          </a:p>
        </p:txBody>
      </p:sp>
      <p:pic>
        <p:nvPicPr>
          <p:cNvPr id="4" name="Picture 3"/>
          <p:cNvPicPr>
            <a:picLocks noChangeAspect="1"/>
          </p:cNvPicPr>
          <p:nvPr/>
        </p:nvPicPr>
        <p:blipFill>
          <a:blip r:embed="rId3"/>
          <a:stretch>
            <a:fillRect/>
          </a:stretch>
        </p:blipFill>
        <p:spPr>
          <a:xfrm>
            <a:off x="55494" y="102905"/>
            <a:ext cx="1152318" cy="1152318"/>
          </a:xfrm>
          <a:prstGeom prst="rect">
            <a:avLst/>
          </a:prstGeom>
        </p:spPr>
      </p:pic>
    </p:spTree>
    <p:extLst>
      <p:ext uri="{BB962C8B-B14F-4D97-AF65-F5344CB8AC3E}">
        <p14:creationId xmlns:p14="http://schemas.microsoft.com/office/powerpoint/2010/main" val="3871490723"/>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AuMS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l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2NiwiRyI6MTgzLCJCIjozOX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Y2LCJHIjoxODMsIkIiOjM5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nRydW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O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yLCJGb250TmFtZSI6IkFyaWFsIiwiSXNCb2xkIjpmYWxzZSwiSXNJdGFsaWMiOmZhbHNlLCJJc1VuZGVybGluZWQiOmZhbHNlLCJQYXJlbnRTdHlsZSI6bnVsbH0sIkF1dG9TaXplIjowLCJGb3JlZ3JvdW5kIjp7IiRpZCI6IjY3IiwiQ29sb3IiOnsiJGlkIjoiNjgiLCJBIjoyNTUsIlIiOjk0LCJHIjo5NCwiQiI6OTR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BcmlhbCBOYXJyb3ciLCJJc0JvbGQiOmZhbHNlLCJJc0l0YWxpYyI6ZmFsc2UsIklzVW5kZXJsaW5lZCI6ZmFsc2UsIlBhcmVudFN0eWxlIjpudWxsfSwiQXV0b1NpemUiOjAsIkZvcmVncm91bmQiOnsiJGlkIjoiNzQiLCJDb2xvciI6eyIkaWQiOiI3NSIsIkEiOjI1NSwiUiI6MTY2LCJHIjoxODMsIkIiOjM5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TSBkLCB5eXl5IiwiU2VwYXJhdG9yIjoiLyIsIlVzZUludGVybmF0aW9uYWxEYXRlRm9ybWF0IjpmYWxzZX0sIklzVmlzaWJsZSI6dHJ1ZSwiUGFyZW50U3R5bGUiOm51bGx9LCJEZWZhdWx0VGFza1N0eWxlIjp7IiRpZCI6IjgwIiwiU2hhcGUiOjgsIlNoYXBlVGhpY2tuZXNzIjoxLCJEdXJhdGlvbkZvcm1hdCI6MCwiSW5jbHVkZU5vbldvcmtpbmdEYXlzSW5EdXJhdGlvbiI6dHJ1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jYsIkciOjE4MywiQiI6Mz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NjYsIkciOjE4MywiQiI6Mz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0cnV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k0LCJHIjo5NCwiQiI6OTR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Tk3OS0xMC0wMVQyMzo1OTo1OS45OTlaIiwiRW5kRGF0ZSI6IjIwMTctMDEtMTVUMjM6NTk6NTkuOTk5WiIsIkZvcm1hdCI6Ik1NIiwiVHlwZSI6NCwiQXV0b0RhdGVSYW5nZSI6dHJ1ZSwiV29ya2luZ0RheXMiOjMxLCJUb2RheU1hcmtlclRleHQiOiJUb2RheSIsIkF1dG9TY2FsZVR5cGUiOnRydWV9LCJNaWxlc3RvbmVzIjpbeyIkaWQiOiIxMjMiLCJEYXRlIjoiMTk4MC0xMC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4OSwiUiI6MjQ2LCJHIjoxNDYsIkIiOjB9fSwiTGluZVdlaWdodCI6MS4wLCJMaW5lVHlwZSI6MCwiUGFyZW50U3R5bGUiOnsiJHJlZiI6IjU1In19LCJJc0JlbG93VGltZWJhbmQiOmZhbHNlLCJIaWRlRGF0ZSI6ZmFsc2UsIlNoYXBlU2l6ZSI6MSwiU3BhY2luZyI6Mi4wLCJQYWRkaW5nIjp7IiRyZWYiOiI1OCJ9LCJTaGFwZVN0eWxlIjp7IiRpZCI6IjEyOCIsIk1hcmdpbiI6eyIkcmVmIjoiNjAifSwiUGFkZGluZyI6eyIkcmVmIjoiNjEifSwiQmFja2dyb3VuZCI6eyIkaWQiOiIxMjkiLCJDb2xvciI6eyIkaWQiOiIxMzAiLCJBIjoyNTUsIlIiOjI0NiwiRyI6MTQ2LCJCIjo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F1dG9TaXplIjowLCJGb3JlZ3JvdW5kIjp7IiRpZCI6IjEzNCIsIkNvbG9yIjp7IiRpZCI6IjEzNS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CIsIkxpbmVDb2xvciI6bnVsbCwiTGluZVdlaWdodCI6MC4wLCJMaW5lVHlwZSI6MCwiUGFyZW50U3R5bGUiOm51bGx9LCJQYXJlbnRTdHlsZSI6eyIkcmVmIjoiNjUifX0sIkRhdGVTdHlsZSI6eyIkaWQiOiIxNjkiLCJGb250U2V0dGluZ3MiOnsiJGlkIjoiMTc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2IiwiTGluZUNvbG9yIjpudWxsLCJMaW5lV2VpZ2h0IjowLjAsIkxpbmVUeXBlIjowLCJQYXJlbnRTdHlsZSI6bnVsbH0sIlBhcmVudFN0eWxlIjp7IiRyZWYiOiI2NSJ9fSwiRGF0ZVN0eWxlIjp7IiRpZCI6IjIxNyIsIkZvbnRTZXR0aW5ncyI6eyIkaWQiOiIyMTgiLCJGb250U2l6ZSI6MTAsIkZvbnROYW1lIjoiQXJpYWwgTmFycm93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0OCIsIkxpbmVDb2xvciI6bnVsbCwiTGluZVdlaWdodCI6MC4wLCJMaW5lVHlwZSI6MCwiUGFyZW50U3R5bGUiOm51bGx9LCJQYXJlbnRTdHlsZSI6eyIkcmVmIjoiNjUifX0sIkRhdGVTdHlsZSI6eyIkaWQiOiIyNDkiLCJGb250U2V0dGluZ3MiOnsiJGlkIjoiMjUw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2NCIsIkxpbmVDb2xvciI6bnVsbCwiTGluZVdlaWdodCI6MC4wLCJMaW5lVHlwZSI6MCwiUGFyZW50U3R5bGUiOm51bGx9LCJQYXJlbnRTdHlsZSI6eyIkcmVmIjoiNjUifX0sIkRhdGVTdHlsZSI6eyIkaWQiOiIyNjUiLCJGb250U2V0dGluZ3MiOnsiJGlkIjoiMjY2IiwiRm9udFNpemUiOjEwLCJGb250TmFtZSI6IkFyaWFsIE5hcnJvdy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AiLCJMaW5lQ29sb3IiOm51bGwsIkxpbmVXZWlnaHQiOjAuMCwiTGluZVR5cGUiOjAsIlBhcmVudFN0eWxlIjpudWxsfSwiUGFyZW50U3R5bGUiOnsiJHJlZiI6IjY1In19LCJEYXRlU3R5bGUiOnsiJGlkIjoiMjgxIiwiRm9udFNldHRpbmdzIjp7IiRpZCI6IjI4Mi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giLCJMaW5lQ29sb3IiOm51bGwsIkxpbmVXZWlnaHQiOjAuMCwiTGluZVR5cGUiOjAsIlBhcmVudFN0eWxlIjpudWxsfSwiUGFyZW50U3R5bGUiOnsiJHJlZiI6IjY1In19LCJEYXRlU3R5bGUiOnsiJGlkIjoiMjk5IiwiRm9udFNldHRpbmdzIjp7IiRpZCI6IjMwMCIsIkZvbnRTaXplIjoxMCwiRm9udE5hbWUiOiJBcmlhbCBOYXJyb3c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_rels/theme1.xml.rels><?xml version="1.0" encoding="UTF-8" standalone="yes"?>
<Relationships xmlns="http://schemas.openxmlformats.org/package/2006/relationships"><Relationship Id="rId1" Type="http://schemas.openxmlformats.org/officeDocument/2006/relationships/image" Target="../media/image1.jpeg"/></Relationships>
</file>

<file path=ppt/theme/theme1.xml><?xml version="1.0" encoding="utf-8"?>
<a:theme xmlns:a="http://schemas.openxmlformats.org/drawingml/2006/main" name="Seashore design template">
  <a:themeElements>
    <a:clrScheme name="Green Yellow">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EE7B08"/>
      </a:hlink>
      <a:folHlink>
        <a:srgbClr val="977B2D"/>
      </a:folHlink>
    </a:clrScheme>
    <a:fontScheme name="Century Gothic-Palatino Linotype">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Palatino Linotype" panose="0204050205050503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50000">
              <a:schemeClr val="phClr">
                <a:tint val="80000"/>
                <a:satMod val="250000"/>
              </a:schemeClr>
            </a:gs>
            <a:gs pos="76000">
              <a:schemeClr val="phClr">
                <a:tint val="90000"/>
                <a:shade val="90000"/>
                <a:satMod val="200000"/>
              </a:schemeClr>
            </a:gs>
            <a:gs pos="92000">
              <a:schemeClr val="phClr">
                <a:tint val="90000"/>
                <a:shade val="70000"/>
                <a:satMod val="250000"/>
              </a:schemeClr>
            </a:gs>
          </a:gsLst>
          <a:path path="circle">
            <a:fillToRect l="50000" t="50000" r="50000" b="50000"/>
          </a:path>
        </a:gradFill>
        <a:blipFill>
          <a:blip xmlns:r="http://schemas.openxmlformats.org/officeDocument/2006/relationships" r:embed="rId1">
            <a:duotone>
              <a:schemeClr val="phClr">
                <a:tint val="95000"/>
              </a:schemeClr>
              <a:schemeClr val="phClr">
                <a:shade val="90000"/>
              </a:schemeClr>
            </a:duotone>
          </a:blip>
          <a:tile tx="0" ty="0" sx="100000" sy="100000" flip="none" algn="tl"/>
        </a:blipFill>
      </a:bgFillStyleLst>
    </a:fmtScheme>
  </a:themeElements>
  <a:objectDefaults>
    <a:spDef>
      <a:spPr>
        <a:ln>
          <a:noFill/>
        </a:ln>
      </a:spPr>
      <a:bodyPr rtlCol="0" anchor="ctr"/>
      <a:lstStyle>
        <a:defPPr algn="ctr">
          <a:defRPr dirty="0" err="1" smtClean="0">
            <a:solidFill>
              <a:schemeClr val="tx1"/>
            </a:solidFill>
          </a:defRPr>
        </a:defPPr>
      </a:lstStyle>
      <a:style>
        <a:lnRef idx="3">
          <a:schemeClr val="lt1"/>
        </a:lnRef>
        <a:fillRef idx="1">
          <a:schemeClr val="accent1"/>
        </a:fillRef>
        <a:effectRef idx="1">
          <a:schemeClr val="accent1"/>
        </a:effectRef>
        <a:fontRef idx="minor">
          <a:schemeClr val="lt1"/>
        </a:fontRef>
      </a:style>
    </a:spDef>
    <a:lnDef>
      <a:spPr>
        <a:ln>
          <a:solidFill>
            <a:schemeClr val="tx2"/>
          </a:solidFill>
        </a:ln>
      </a:spPr>
      <a:bodyPr/>
      <a:lstStyle/>
      <a:style>
        <a:lnRef idx="1">
          <a:schemeClr val="accent2"/>
        </a:lnRef>
        <a:fillRef idx="0">
          <a:schemeClr val="accent2"/>
        </a:fillRef>
        <a:effectRef idx="0">
          <a:schemeClr val="accent2"/>
        </a:effectRef>
        <a:fontRef idx="minor">
          <a:schemeClr val="tx1"/>
        </a:fontRef>
      </a:style>
    </a:lnDef>
    <a:txDef>
      <a:spPr>
        <a:noFill/>
        <a:ln>
          <a:solidFill>
            <a:schemeClr val="bg2"/>
          </a:solidFill>
        </a:ln>
      </a:spPr>
      <a:bodyPr wrap="square" rtlCol="0" anchor="ctr" anchorCtr="1">
        <a:spAutoFit/>
      </a:bodyPr>
      <a:lstStyle>
        <a:defPPr>
          <a:defRPr dirty="0"/>
        </a:defPPr>
      </a:lstStyle>
    </a:txDef>
  </a:objectDefaults>
  <a:extraClrSchemeLst/>
  <a:extLst>
    <a:ext uri="{05A4C25C-085E-4340-85A3-A5531E510DB2}">
      <thm15:themeFamily xmlns:thm15="http://schemas.microsoft.com/office/thememl/2012/main" name="Seashore design slides.potx" id="{C14410CA-75A1-4039-B0D2-306BA380D4B5}" vid="{F869618E-08B6-48F2-946D-30C4613A87FB}"/>
    </a:ext>
  </a:extLst>
</a:theme>
</file>

<file path=ppt/theme/theme2.xml><?xml version="1.0" encoding="utf-8"?>
<a:theme xmlns:a="http://schemas.openxmlformats.org/drawingml/2006/main" name="Office Theme">
  <a:themeElements>
    <a:clrScheme name="Custom 7">
      <a:dk1>
        <a:srgbClr val="000000"/>
      </a:dk1>
      <a:lt1>
        <a:sysClr val="window" lastClr="FFFFFF"/>
      </a:lt1>
      <a:dk2>
        <a:srgbClr val="5E5E5E"/>
      </a:dk2>
      <a:lt2>
        <a:srgbClr val="DDDDDD"/>
      </a:lt2>
      <a:accent1>
        <a:srgbClr val="418AB3"/>
      </a:accent1>
      <a:accent2>
        <a:srgbClr val="A6B727"/>
      </a:accent2>
      <a:accent3>
        <a:srgbClr val="F69200"/>
      </a:accent3>
      <a:accent4>
        <a:srgbClr val="838383"/>
      </a:accent4>
      <a:accent5>
        <a:srgbClr val="FEC306"/>
      </a:accent5>
      <a:accent6>
        <a:srgbClr val="DF5327"/>
      </a:accent6>
      <a:hlink>
        <a:srgbClr val="FFFFFF"/>
      </a:hlink>
      <a:folHlink>
        <a:srgbClr val="B2B2B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Green Yellow">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EE7B08"/>
      </a:hlink>
      <a:folHlink>
        <a:srgbClr val="977B2D"/>
      </a:folHlink>
    </a:clrScheme>
    <a:fontScheme name="Century Gothic-Palatino Linotype">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Palatino Linotype" panose="0204050205050503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Green Yellow">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EE7B08"/>
      </a:hlink>
      <a:folHlink>
        <a:srgbClr val="977B2D"/>
      </a:folHlink>
    </a:clrScheme>
    <a:fontScheme name="Century Gothic-Palatino Linotype">
      <a:majorFont>
        <a:latin typeface="Century Gothic" panose="020B0502020202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Palatino Linotype" panose="020405020505050303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Seashore design slides</Template>
  <TotalTime>1327</TotalTime>
  <Words>2560</Words>
  <Application>Microsoft Office PowerPoint</Application>
  <PresentationFormat>Widescreen</PresentationFormat>
  <Paragraphs>221</Paragraphs>
  <Slides>19</Slides>
  <Notes>17</Notes>
  <HiddenSlides>0</HiddenSlides>
  <MMClips>0</MMClips>
  <ScaleCrop>false</ScaleCrop>
  <HeadingPairs>
    <vt:vector size="6" baseType="variant">
      <vt:variant>
        <vt:lpstr>Fonts Used</vt:lpstr>
      </vt:variant>
      <vt:variant>
        <vt:i4>8</vt:i4>
      </vt:variant>
      <vt:variant>
        <vt:lpstr>Theme</vt:lpstr>
      </vt:variant>
      <vt:variant>
        <vt:i4>2</vt:i4>
      </vt:variant>
      <vt:variant>
        <vt:lpstr>Slide Titles</vt:lpstr>
      </vt:variant>
      <vt:variant>
        <vt:i4>19</vt:i4>
      </vt:variant>
    </vt:vector>
  </HeadingPairs>
  <TitlesOfParts>
    <vt:vector size="29" baseType="lpstr">
      <vt:lpstr>Arial</vt:lpstr>
      <vt:lpstr>Arial Narrow</vt:lpstr>
      <vt:lpstr>Calibri</vt:lpstr>
      <vt:lpstr>Calibri Light</vt:lpstr>
      <vt:lpstr>Century Gothic</vt:lpstr>
      <vt:lpstr>Courier New</vt:lpstr>
      <vt:lpstr>Palatino Linotype</vt:lpstr>
      <vt:lpstr>Wingdings</vt:lpstr>
      <vt:lpstr>Seashore design template</vt:lpstr>
      <vt:lpstr>Office Theme</vt:lpstr>
      <vt:lpstr>Legalization in California Alameda County’s Perspective</vt:lpstr>
      <vt:lpstr>Cannabis Legislation in California</vt:lpstr>
      <vt:lpstr>California Cannabis  Program Priorities</vt:lpstr>
      <vt:lpstr>The Three Licensing Authorities in  California</vt:lpstr>
      <vt:lpstr>License Categories in California</vt:lpstr>
      <vt:lpstr>New License Type in California</vt:lpstr>
      <vt:lpstr>Not all Counties in California are Approving Cannabis Programs</vt:lpstr>
      <vt:lpstr>Cannabis regulation in unincorporated Alameda County: a 2+ year snapshot</vt:lpstr>
      <vt:lpstr>What is Allowed in Unincorporated Alameda County</vt:lpstr>
      <vt:lpstr>What is Allowed in Unincorporated Alameda County </vt:lpstr>
      <vt:lpstr>What is Allowed in Unincorporated Alameda County </vt:lpstr>
      <vt:lpstr>Phase II Considerations in Unincorporated Alameda County </vt:lpstr>
      <vt:lpstr>State Temporary Licenses Issued in Alameda County</vt:lpstr>
      <vt:lpstr>Alameda County Hosted the Three Licensing Agencies </vt:lpstr>
      <vt:lpstr>Challenges to Legalization for  the Cannabis Industry in California</vt:lpstr>
      <vt:lpstr>Best Practices for Counties/Cities</vt:lpstr>
      <vt:lpstr>Best Practices for Counties/Cities</vt:lpstr>
      <vt:lpstr>        You are Cordially Invited</vt:lpstr>
      <vt:lpstr>PowerPoint Presentation</vt:lpstr>
    </vt:vector>
  </TitlesOfParts>
  <Company>Alameda County</Company>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itle Layout</dc:title>
  <dc:creator>Brooks, Patricia, BOS Dist4</dc:creator>
  <cp:lastModifiedBy>Brooks, Patricia, BOS Dist4</cp:lastModifiedBy>
  <cp:revision>64</cp:revision>
  <cp:lastPrinted>2018-04-15T19:54:10Z</cp:lastPrinted>
  <dcterms:created xsi:type="dcterms:W3CDTF">2018-04-15T16:16:42Z</dcterms:created>
  <dcterms:modified xsi:type="dcterms:W3CDTF">2018-04-19T18:54:4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A3F7D94069FF64A86F7DFF56D60E3BE</vt:lpwstr>
  </property>
</Properties>
</file>